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8 - 2021 - 218. (Príprava) Jednorázový operačný set by-pass\03. Príprava\05. PTK\01. Odoslanie PTK\"/>
    </mc:Choice>
  </mc:AlternateContent>
  <bookViews>
    <workbookView xWindow="0" yWindow="0" windowWidth="23040" windowHeight="9195"/>
  </bookViews>
  <sheets>
    <sheet name="Cenová ponuka" sheetId="8" r:id="rId1"/>
  </sheets>
  <definedNames>
    <definedName name="_xlnm.Print_Area" localSheetId="0">'Cenová ponuka'!$B$1:$F$26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78" uniqueCount="40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Jednorazový operačný set by-pass</t>
  </si>
  <si>
    <t>33140000-3   Zdravotnícky spotrebný materiál</t>
  </si>
  <si>
    <t>Jednorazový operačný set (spotrebný) používaný pri kardiochirurgických operáciách používaný na zabezpečenie krytia
pracovnej plochy, operačného poľa a personálu počas operačného zákroku.</t>
  </si>
  <si>
    <t>Položka č. 1 - Jednorazový operačný set by-pass</t>
  </si>
  <si>
    <t>musí obsahovať nasledovné produkty:</t>
  </si>
  <si>
    <t>1.1</t>
  </si>
  <si>
    <r>
      <t xml:space="preserve">Produkt č.1 - </t>
    </r>
    <r>
      <rPr>
        <b/>
        <sz val="10"/>
        <rFont val="Arial"/>
        <family val="2"/>
        <charset val="238"/>
      </rPr>
      <t>Operačné krycie obalové rúško stola</t>
    </r>
  </si>
  <si>
    <t>1.1.1</t>
  </si>
  <si>
    <t>počet: 1 kus</t>
  </si>
  <si>
    <t>1.1.2</t>
  </si>
  <si>
    <t>dvojvrstvová polyethylénová fóliová rúška na stolík potiahnutá polypropylénom, v ktorej musia byť zabalené produkty setu č.2 až č.13</t>
  </si>
  <si>
    <t>1.1.3</t>
  </si>
  <si>
    <t>musí zabraňovať prepúšťaniu tekutiny</t>
  </si>
  <si>
    <t>1.1.4</t>
  </si>
  <si>
    <t>musí byť extrémne odolná proti roztrhnutiu</t>
  </si>
  <si>
    <t>1.1.5</t>
  </si>
  <si>
    <t>skladanie rúšky musí byť protismerné</t>
  </si>
  <si>
    <t>1.1.6</t>
  </si>
  <si>
    <t>z dôvodu zabezpečenia sterility pri manipulácii musí byť farebne odlíšená sterilná a nesterilná strana rúšky</t>
  </si>
  <si>
    <t>1.1.7</t>
  </si>
  <si>
    <t>požadovaný rozmer 160 cm x 200 cm (tolerancia ±10 cm x ±10 cm)</t>
  </si>
  <si>
    <t>1.2</t>
  </si>
  <si>
    <r>
      <t xml:space="preserve">Produkt č.2 - </t>
    </r>
    <r>
      <rPr>
        <b/>
        <sz val="10"/>
        <rFont val="Arial"/>
        <family val="2"/>
        <charset val="238"/>
      </rPr>
      <t>Uterák</t>
    </r>
  </si>
  <si>
    <t>1.2.1</t>
  </si>
  <si>
    <t>počet: 2 kusy</t>
  </si>
  <si>
    <t>1.2.2</t>
  </si>
  <si>
    <t>vysoko savý uterák z netkanej textílie spevnenej za sucha, ktorý sa po jeho namočení nerozpadáva</t>
  </si>
  <si>
    <t>1.2.3</t>
  </si>
  <si>
    <t>požadovaný rozmer 30 cm x 38 cm (tolerancia ±2 cm x ±2 cm)</t>
  </si>
  <si>
    <t>1.3</t>
  </si>
  <si>
    <r>
      <t xml:space="preserve">Produkt č.3 - </t>
    </r>
    <r>
      <rPr>
        <b/>
        <sz val="10"/>
        <rFont val="Arial"/>
        <family val="2"/>
        <charset val="238"/>
      </rPr>
      <t>Plášť typ č.1</t>
    </r>
  </si>
  <si>
    <t>1.3.1</t>
  </si>
  <si>
    <t>1.3.2</t>
  </si>
  <si>
    <t>hypoalergénny, bez latexu a kolofónia, určený pre použitie pre výkonový stupeň vysoký a pre vyššiu termofyzickú záťaž</t>
  </si>
  <si>
    <t>1.3.3</t>
  </si>
  <si>
    <t>požadovaná dĺžka plášťa 135 cm (tolerancia ±5 cm)</t>
  </si>
  <si>
    <t>1.3.4</t>
  </si>
  <si>
    <t>požadovaná šírka plášťa v ramenách 20 cm (tolerancia ±1 cm)</t>
  </si>
  <si>
    <t>1.3.5</t>
  </si>
  <si>
    <t>musí byť vyrobený z materiálu 40% polyester / 60% celulóza (tolerancia ±10% u oboch materiálov), musí byť hypoalergénny, bez latexu a kolofónia</t>
  </si>
  <si>
    <t>1.3.6</t>
  </si>
  <si>
    <t>požaduje sa pravoľavé zapínanie v oblasti krku s dĺžkou vrchného dielu (pravý diel) 6 cm a spodného dielu (ľavý diel) 13 cm, ktoré bude zabezpečovať bezpečné zapínanie, ktoré sa nesmie počas výkonu roztvárať</t>
  </si>
  <si>
    <t>1.3.7</t>
  </si>
  <si>
    <t>požaduje sa manžeta plášťa s dĺžkou 9 cm (tolerancia ±1 cm), vyrobená z nedráždivej jemnej polyesterovej tkaniny</t>
  </si>
  <si>
    <t>1.3.8</t>
  </si>
  <si>
    <t>požaduje sa konštantná pevnosť v ťahu za sucha a mokra ≤ 40 kPa</t>
  </si>
  <si>
    <t>1.3.9</t>
  </si>
  <si>
    <t>požaduje sa uvoľňovanie častíc materiálu plášťa ≤ 4,0 Log10 (sčítanie častíc)</t>
  </si>
  <si>
    <t>1.3.10</t>
  </si>
  <si>
    <t>zavinovacie úväzky musia byť v počte 2 ks, pripevnené bezpečnostnou záplatou proti prístupu mikroorganizmov</t>
  </si>
  <si>
    <t>1.3.11</t>
  </si>
  <si>
    <t>jednotlivé diely plášťa musia byť spojené dvojitým lemom šitia a vrstvenia, pre zabezpečenie absolútnej minimalizácie rizika prístupu mikróbov</t>
  </si>
  <si>
    <t>1.4</t>
  </si>
  <si>
    <r>
      <t xml:space="preserve">Produkt č.4 - </t>
    </r>
    <r>
      <rPr>
        <b/>
        <sz val="10"/>
        <rFont val="Arial"/>
        <family val="2"/>
        <charset val="238"/>
      </rPr>
      <t>Plášť typ č.2</t>
    </r>
  </si>
  <si>
    <t>1.4.1</t>
  </si>
  <si>
    <t>1.4.2</t>
  </si>
  <si>
    <t>1.4.3</t>
  </si>
  <si>
    <t>požadovaná dĺžka plášťa 155 cm (tolerancia ±5 cm)</t>
  </si>
  <si>
    <t>1.4.4</t>
  </si>
  <si>
    <t>1.4.5</t>
  </si>
  <si>
    <t>1.4.6</t>
  </si>
  <si>
    <t>požaduje sa pravoľavé zapínanie v oblasti krku s dĺžkou vrchného (pravý diel) 6 cm a spodného (ľavý diel) 13 cm, ktoré bude zabezpečovať bezpečné zapínanie, ktoré sa nesmie počas výkonu roztvárať</t>
  </si>
  <si>
    <t>1.4.7</t>
  </si>
  <si>
    <t>1.4.8</t>
  </si>
  <si>
    <t>1.4.9</t>
  </si>
  <si>
    <t>1.4.10</t>
  </si>
  <si>
    <t>1.4.11</t>
  </si>
  <si>
    <t>1.5</t>
  </si>
  <si>
    <r>
      <t xml:space="preserve">Produkt č.5 - </t>
    </r>
    <r>
      <rPr>
        <b/>
        <sz val="10"/>
        <rFont val="Arial"/>
        <family val="2"/>
        <charset val="238"/>
      </rPr>
      <t>Rukavice typ č.1</t>
    </r>
  </si>
  <si>
    <t>1.5.1</t>
  </si>
  <si>
    <t>počet: 1 pár</t>
  </si>
  <si>
    <t>1.5.2</t>
  </si>
  <si>
    <t>latexové, bezpúdrové, hypoalergénne, s vnútornou zosieťovanou syntetickou vrstvou, s možnosťou mikrozdrsnených končekov prstov</t>
  </si>
  <si>
    <t>1.5.3</t>
  </si>
  <si>
    <t>farba: biela</t>
  </si>
  <si>
    <t>1.5.4</t>
  </si>
  <si>
    <t>požadovaná veľkosť č. 6,5</t>
  </si>
  <si>
    <t>1.5.5</t>
  </si>
  <si>
    <t>požadovaná dĺžka 260 cm (bez tolerancie)</t>
  </si>
  <si>
    <t>1.5.6</t>
  </si>
  <si>
    <t>požaduje sa vnútorná zosieťovaná syntetická vrstva</t>
  </si>
  <si>
    <t>1.5.7</t>
  </si>
  <si>
    <t>požadovaná hrúbka steny min. 0,19 mm</t>
  </si>
  <si>
    <t>1.5.8</t>
  </si>
  <si>
    <t>požaduje sa hladkostenný materiál rukavíc</t>
  </si>
  <si>
    <t>1.5.9</t>
  </si>
  <si>
    <t>požaduje sa plne anatomický tvar rukavíc so zahnutými prstami zodpovedajúci prirodzenému uvoľnenému držaniu ruky</t>
  </si>
  <si>
    <t>1.5.10</t>
  </si>
  <si>
    <t>požadovaná úroveň kvality AQL 1,0</t>
  </si>
  <si>
    <t>1.6</t>
  </si>
  <si>
    <r>
      <t xml:space="preserve">Produkt č.6 - </t>
    </r>
    <r>
      <rPr>
        <b/>
        <sz val="10"/>
        <rFont val="Arial"/>
        <family val="2"/>
        <charset val="238"/>
      </rPr>
      <t>Rukavice typ č.2</t>
    </r>
  </si>
  <si>
    <t>1.6.1</t>
  </si>
  <si>
    <t>1.6.2</t>
  </si>
  <si>
    <t>1.6.3</t>
  </si>
  <si>
    <t>1.6.4</t>
  </si>
  <si>
    <t>požadovaná veľkosť č. 7,5</t>
  </si>
  <si>
    <t>1.6.5</t>
  </si>
  <si>
    <t>1.6.6</t>
  </si>
  <si>
    <t>1.6.7</t>
  </si>
  <si>
    <t>1.6.8</t>
  </si>
  <si>
    <t>1.6.9</t>
  </si>
  <si>
    <t>1.7</t>
  </si>
  <si>
    <r>
      <t xml:space="preserve">Produkt č.7 - </t>
    </r>
    <r>
      <rPr>
        <b/>
        <sz val="10"/>
        <rFont val="Arial"/>
        <family val="2"/>
        <charset val="238"/>
      </rPr>
      <t>Návlek na inštrumentačný stolík</t>
    </r>
  </si>
  <si>
    <t>1.7.1</t>
  </si>
  <si>
    <t>1.7.2</t>
  </si>
  <si>
    <t>teleskopický skladaný, s antistatickou úpravou</t>
  </si>
  <si>
    <t>1.7.3</t>
  </si>
  <si>
    <t>požadovaný rozmer návleku 80 cm x 145 cm (bez tolerancie)</t>
  </si>
  <si>
    <t>1.7.4</t>
  </si>
  <si>
    <t>požadovaný rozmer polypropylénovej textílie 75 cm x 90 cm (bez tolerancie), polypropylén musí byť pri námahe odolný voči oddeľovaniu sa od podkladovej polyethylénovej vrstvy</t>
  </si>
  <si>
    <t>1.7.5</t>
  </si>
  <si>
    <t>požaduje sa, aby materiál polyethylénu bol pevne spojený a pri námahe bol odolný voči oddeľovaniu sa od podkladovej polyethylénovej vrstvy</t>
  </si>
  <si>
    <t>1.8</t>
  </si>
  <si>
    <t>1.8.1</t>
  </si>
  <si>
    <t>1.8.2</t>
  </si>
  <si>
    <t>odsavač PVC - valcový s dierkami na konci odsavacej plochy</t>
  </si>
  <si>
    <t>1.8.3</t>
  </si>
  <si>
    <t>úchopová časť odsávača pevná rukoväť na konci rukoväte napojenie na hadicu - pevné</t>
  </si>
  <si>
    <t>1.9</t>
  </si>
  <si>
    <t>1.9.1</t>
  </si>
  <si>
    <t>1.9.2</t>
  </si>
  <si>
    <t>vyrobený z polyetylénovej fólie potiahnutej polypropylénovou vrstvou</t>
  </si>
  <si>
    <t>1.9.3</t>
  </si>
  <si>
    <t>požadovaný rozmer 33 cm x 55 cm (tolerancia ±2 cm x ±2 cm)</t>
  </si>
  <si>
    <t>1.10</t>
  </si>
  <si>
    <t>1.10.1</t>
  </si>
  <si>
    <t>1.10.2</t>
  </si>
  <si>
    <t>polyethylénový, zabalený v silikónovom obale a vložený do návleku na nohu</t>
  </si>
  <si>
    <t>1.10.3</t>
  </si>
  <si>
    <t>požadovaný rozmer 9 cm x 50 cm (tolerancia ±1 cm x ± 1 cm)</t>
  </si>
  <si>
    <t>1.11</t>
  </si>
  <si>
    <t>1.11.1</t>
  </si>
  <si>
    <t>1.11.2</t>
  </si>
  <si>
    <t>vyrobená z dvojvrstvového materiálu z polypropylénu napolyethylénovej fólii, pričom materiál rúšky neodráža lúče svetelnej operačnej lampy</t>
  </si>
  <si>
    <t>1.11.3</t>
  </si>
  <si>
    <t>požaduje sa minimálna pevnosť v ťahu rúšky za sucha a mokra pozdĺžne 102 N a priečne 55 N (testované EN 29073-3, norma 13795)</t>
  </si>
  <si>
    <t>1.11.4</t>
  </si>
  <si>
    <t>požaduje sa rýchlosť sania min. 80% (v súlade s normou ISO 9073-11)</t>
  </si>
  <si>
    <t>požaduje sa absorpčná schopnosť min. 250 ml/m2</t>
  </si>
  <si>
    <t>rúška musí nasávať tekutiny po celej ploche</t>
  </si>
  <si>
    <t>požaduje sa lepiaci okraj o šírke min. 4,5 cm max. 6 cm</t>
  </si>
  <si>
    <t>pre zabezpečenie rýchlej manipulácie pri príprave výkonu sa požaduje úchopová časť adhezívnej pásky v šírke 2 cm x 5 cm (bez tolerancie) na ukončení</t>
  </si>
  <si>
    <t>požaduje sa trojdielne lepenie v rozmedzí 15 cm, 70 cm, 15 cm (bez tolerancie)</t>
  </si>
  <si>
    <t>požadovaný rozmer rúšky 160 cm x 250 cm (tolerancia ±10 cm x ±10 cm)</t>
  </si>
  <si>
    <t>lepiaci materiál rúšky sa v prípade zlepenia musí dať opätovne rozlepiť bez roztrhnutia, resp. iného poškodenia materiálu rúšky</t>
  </si>
  <si>
    <t>požaduje sa označenie rúšky konštantnými piktogramami pre redukciu úpravy operačného procesu: prvý krok, pozícia rúška</t>
  </si>
  <si>
    <t>1.12</t>
  </si>
  <si>
    <t>1.12.1</t>
  </si>
  <si>
    <t>1.12.2</t>
  </si>
  <si>
    <t>vyrobená z dvojvrstvového materiálu z polypropylénu na polyethylénovej fólii, pričom materiál rúšky neodráža lúče svetelnej operačnej lampy</t>
  </si>
  <si>
    <t>1.12.3</t>
  </si>
  <si>
    <t>požadovaný rozmer rúšky 75 cm x 90 cm (tolerancia ±7,5 cm x ±9 cm)</t>
  </si>
  <si>
    <t>1.13</t>
  </si>
  <si>
    <t>1.13.1</t>
  </si>
  <si>
    <t>1.13.2</t>
  </si>
  <si>
    <t>vyrobená z trojvrstvového materiálu z polypropylénu na polyethylénovej fólii, pričom materiál rúšky neodráža lúče svetelnej operačnej lampy</t>
  </si>
  <si>
    <t>1.13.3</t>
  </si>
  <si>
    <t>s otvorom v tvare U - s trojdielnym lepením kopírujúcim otvor po celom obvode nástrihu so šírkou min. 4,5 cm max. 6 cm</t>
  </si>
  <si>
    <t>požadovaný rozmer rúšky 260 cm x 225 cm (tolerancia ±10 cm x ±10 cm)</t>
  </si>
  <si>
    <t>požadovaný rozmer U nástrihu 10 cm x 100 cm (bez tolerancie)</t>
  </si>
  <si>
    <t>požaduje sa v oblasti U nástrihu zosilnená polypropylénová vrstva v rozmere 50 cm x 100 cm, pričom zosilnená oblasť musí byť vo výške 45 cm (tolerancia ±2 cm) od horného okraja</t>
  </si>
  <si>
    <t>požaduje sa, aby zosilnená vrstva na PE fólii bola nanesená v množstve 30 + 50 g/m2 polypropylénového materiálu</t>
  </si>
  <si>
    <t>požaduje sa absorpčná schopnosť rúšky v oblasti operačného poľa min. 405 ml/m2</t>
  </si>
  <si>
    <t>požaduje sa minimálna pevnosť v ťahu rúšky za sucha a mokrapozdĺžne 180 N a priečne 80 N (aj pri nasatí PE podkladu tekutinou)</t>
  </si>
  <si>
    <t>rúška musí mať vysokú schopnosť kopírovať kónicku časť tela v oblasti operačného poľa</t>
  </si>
  <si>
    <t>požaduje sa označenie rúšky konštantnými piktogramami pre redukciu úpravy operačného procesu: prvý krok, pozícia rúška, nástrihu.</t>
  </si>
  <si>
    <t>1.14</t>
  </si>
  <si>
    <t>1.14.1</t>
  </si>
  <si>
    <t>z jednej strany lepiaca fólia na upevnenie k rúškovaniu,</t>
  </si>
  <si>
    <t>1.14.2</t>
  </si>
  <si>
    <t>druhá strana čistič koagulácie</t>
  </si>
  <si>
    <t>1.14.3</t>
  </si>
  <si>
    <t>časti setu musia byť zabalené v sterilnom obale, ktorý musí mať peel otváranie a v poradí časť č. 2,3,5,7,...,14.</t>
  </si>
  <si>
    <t>smer ukladania od vrchu: časť č.2,3,5,7,..,14 (spodná časť). To z dôvodu zachovania sterility.</t>
  </si>
  <si>
    <t>predná strana sterilného obalu musí obsahovať: názov setu, zloženie setu, čiarový kód, exspiráciu, dve dokumentačné etikety,</t>
  </si>
  <si>
    <t>z dôvodu zabezpečenia neporušiteľnosti sterilného obalu počas jeho prepravy a manipulácie sa požaduje jeho balenie ešte v dvoch kartónových obaloch,</t>
  </si>
  <si>
    <t>požaduje sa, aby bol set bez zápachu, sterilizovaný ethylenoxidom,</t>
  </si>
  <si>
    <t>všetky súčasti setu musia spĺňať požiadavky High-performance štandardu EN 13796.</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do 48 hodín od doručenia písomnej objednávky dodávateľovi, </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1.8.4</t>
  </si>
  <si>
    <r>
      <t xml:space="preserve">Produkt č.8 - </t>
    </r>
    <r>
      <rPr>
        <b/>
        <sz val="10"/>
        <rFont val="Arial"/>
        <family val="2"/>
        <charset val="238"/>
      </rPr>
      <t>OP-flex yankauer</t>
    </r>
  </si>
  <si>
    <t>xxx</t>
  </si>
  <si>
    <t>Hrúbka valcovitej časti: od 20CH do 25CH</t>
  </si>
  <si>
    <r>
      <t xml:space="preserve">Produkt č.9 - </t>
    </r>
    <r>
      <rPr>
        <b/>
        <sz val="10"/>
        <rFont val="Arial"/>
        <family val="2"/>
        <charset val="238"/>
      </rPr>
      <t>Striekačka typ č.1</t>
    </r>
  </si>
  <si>
    <t>luer lock násada</t>
  </si>
  <si>
    <t>2-dielna</t>
  </si>
  <si>
    <t>1.9.4</t>
  </si>
  <si>
    <t>požadovaný objem:  2 ml (bez tolerancie)</t>
  </si>
  <si>
    <r>
      <t xml:space="preserve">Produkt č.10 - </t>
    </r>
    <r>
      <rPr>
        <b/>
        <sz val="10"/>
        <rFont val="Arial"/>
        <family val="2"/>
        <charset val="238"/>
      </rPr>
      <t>Striekačka typ č.2</t>
    </r>
  </si>
  <si>
    <t>3-dielna</t>
  </si>
  <si>
    <t>1.10.4</t>
  </si>
  <si>
    <t>požadovaný objem:  10 ml (bez tolerancie)</t>
  </si>
  <si>
    <r>
      <t xml:space="preserve">Produkt č.11 - </t>
    </r>
    <r>
      <rPr>
        <b/>
        <sz val="10"/>
        <rFont val="Arial"/>
        <family val="2"/>
        <charset val="238"/>
      </rPr>
      <t>Striekačka typ č.3</t>
    </r>
  </si>
  <si>
    <t>požadovaný objem:  20 ml (bez tolerancie)</t>
  </si>
  <si>
    <r>
      <t xml:space="preserve">Produkt č.12 - </t>
    </r>
    <r>
      <rPr>
        <b/>
        <sz val="10"/>
        <rFont val="Arial"/>
        <family val="2"/>
        <charset val="238"/>
      </rPr>
      <t>Jednorazová kanyla typ č.1</t>
    </r>
  </si>
  <si>
    <t>požadovaná hrúbka: G22</t>
  </si>
  <si>
    <t>požadovaný rozmer: 0,7 mm x 30 mm (bez tolerancie)</t>
  </si>
  <si>
    <r>
      <t xml:space="preserve">Produkt č.13 - </t>
    </r>
    <r>
      <rPr>
        <b/>
        <sz val="10"/>
        <rFont val="Arial"/>
        <family val="2"/>
        <charset val="238"/>
      </rPr>
      <t>Jednorazová kanyla typ č.2</t>
    </r>
  </si>
  <si>
    <t>požadovaná hrúbka: G18</t>
  </si>
  <si>
    <t>požadovaný rozmer: 1,2 mm x 40 mm (bez tolerancie)</t>
  </si>
  <si>
    <r>
      <t xml:space="preserve">Produkt č.14 - </t>
    </r>
    <r>
      <rPr>
        <b/>
        <sz val="10"/>
        <rFont val="Arial"/>
        <family val="2"/>
        <charset val="238"/>
      </rPr>
      <t>Skalpel typ č.1</t>
    </r>
  </si>
  <si>
    <t>požadovaná hrúbka: č.11</t>
  </si>
  <si>
    <t>vyrobený z ušľachtilej ocele</t>
  </si>
  <si>
    <t>1.15</t>
  </si>
  <si>
    <r>
      <t xml:space="preserve">Produkt č.15 - </t>
    </r>
    <r>
      <rPr>
        <b/>
        <sz val="10"/>
        <rFont val="Arial"/>
        <family val="2"/>
        <charset val="238"/>
      </rPr>
      <t>Skalpel typ č.2</t>
    </r>
  </si>
  <si>
    <t>1.15.1</t>
  </si>
  <si>
    <t>1.15.2</t>
  </si>
  <si>
    <t>požadovaná hrúbka: č.20</t>
  </si>
  <si>
    <t>1.15.3</t>
  </si>
  <si>
    <t>1.16</t>
  </si>
  <si>
    <r>
      <t xml:space="preserve">Produkt č.16 - </t>
    </r>
    <r>
      <rPr>
        <b/>
        <sz val="10"/>
        <rFont val="Arial"/>
        <family val="2"/>
        <charset val="238"/>
      </rPr>
      <t>Odsávacia hadica</t>
    </r>
  </si>
  <si>
    <t>1.16.1</t>
  </si>
  <si>
    <t>1.16.2</t>
  </si>
  <si>
    <t>s variabilnými koncovkami po oboch stranách na napojenie odsávača PVC a odsávacieho vaku, ktoré neprepúšťajú tekutinu</t>
  </si>
  <si>
    <t>1.16.3</t>
  </si>
  <si>
    <t>požadovaná veľkosť: CH:25</t>
  </si>
  <si>
    <t>1.16.4</t>
  </si>
  <si>
    <t>požadovaná dĺžka: min. 300 cm</t>
  </si>
  <si>
    <t>1.17</t>
  </si>
  <si>
    <r>
      <t xml:space="preserve">Produkt č.17 - </t>
    </r>
    <r>
      <rPr>
        <b/>
        <sz val="10"/>
        <rFont val="Arial"/>
        <family val="2"/>
        <charset val="238"/>
      </rPr>
      <t>Ortopedický návlek na nohu</t>
    </r>
  </si>
  <si>
    <t>1.17.1</t>
  </si>
  <si>
    <t>1.17.2</t>
  </si>
  <si>
    <t>1.17.3</t>
  </si>
  <si>
    <t>1.18</t>
  </si>
  <si>
    <r>
      <t xml:space="preserve">Produkt č.18 - </t>
    </r>
    <r>
      <rPr>
        <b/>
        <sz val="10"/>
        <rFont val="Arial"/>
        <family val="2"/>
        <charset val="238"/>
      </rPr>
      <t>Lepiaci pásik</t>
    </r>
  </si>
  <si>
    <t>1.18.1</t>
  </si>
  <si>
    <t>1.18.2</t>
  </si>
  <si>
    <t>1.18.3</t>
  </si>
  <si>
    <t>1.19</t>
  </si>
  <si>
    <r>
      <t xml:space="preserve">Produkt č.19 - </t>
    </r>
    <r>
      <rPr>
        <b/>
        <sz val="10"/>
        <rFont val="Arial"/>
        <family val="2"/>
        <charset val="238"/>
      </rPr>
      <t>Operačná rúška s lepením typ č.1</t>
    </r>
  </si>
  <si>
    <t>1.19.1</t>
  </si>
  <si>
    <t>1.19.2</t>
  </si>
  <si>
    <t>1.19.3</t>
  </si>
  <si>
    <t>1.19.4</t>
  </si>
  <si>
    <t>1.19.5</t>
  </si>
  <si>
    <t>1.19.6</t>
  </si>
  <si>
    <t>1.19.7</t>
  </si>
  <si>
    <t>1.19.8</t>
  </si>
  <si>
    <t>1.19.9</t>
  </si>
  <si>
    <t>1.19.10</t>
  </si>
  <si>
    <t>1.19.11</t>
  </si>
  <si>
    <t>1.19.12</t>
  </si>
  <si>
    <t>1.20</t>
  </si>
  <si>
    <r>
      <t xml:space="preserve">Produkt č.20 - </t>
    </r>
    <r>
      <rPr>
        <b/>
        <sz val="10"/>
        <rFont val="Arial"/>
        <family val="2"/>
        <charset val="238"/>
      </rPr>
      <t>Operačná rúška s lepením typ č.2</t>
    </r>
  </si>
  <si>
    <t>1.20.1</t>
  </si>
  <si>
    <t>1.20.2</t>
  </si>
  <si>
    <t>1.20.3</t>
  </si>
  <si>
    <t>1.20.4</t>
  </si>
  <si>
    <t>1.20.5</t>
  </si>
  <si>
    <t>1.20.6</t>
  </si>
  <si>
    <t>1.20.7</t>
  </si>
  <si>
    <t>1.20.8</t>
  </si>
  <si>
    <t>1.20.9</t>
  </si>
  <si>
    <t>1.20.10</t>
  </si>
  <si>
    <t>1.21</t>
  </si>
  <si>
    <r>
      <t xml:space="preserve">Produkt č.21 - </t>
    </r>
    <r>
      <rPr>
        <b/>
        <sz val="10"/>
        <rFont val="Arial"/>
        <family val="2"/>
        <charset val="238"/>
      </rPr>
      <t>Operačná rúška v tvare U</t>
    </r>
  </si>
  <si>
    <t>1.21.1</t>
  </si>
  <si>
    <t>1.21.2</t>
  </si>
  <si>
    <t>1.21.3</t>
  </si>
  <si>
    <t>1.21.4</t>
  </si>
  <si>
    <t>1.21.5</t>
  </si>
  <si>
    <t>1.21.6</t>
  </si>
  <si>
    <t>1.21.7</t>
  </si>
  <si>
    <t>1.21.8</t>
  </si>
  <si>
    <t>1.21.9</t>
  </si>
  <si>
    <t>1.21.10</t>
  </si>
  <si>
    <t>1.21.11</t>
  </si>
  <si>
    <t>1.21.12</t>
  </si>
  <si>
    <t>1.21.13</t>
  </si>
  <si>
    <t>1.22</t>
  </si>
  <si>
    <r>
      <t xml:space="preserve">Produkt č.22 - </t>
    </r>
    <r>
      <rPr>
        <b/>
        <sz val="10"/>
        <rFont val="Arial"/>
        <family val="2"/>
        <charset val="238"/>
      </rPr>
      <t>Hubka na čistenie koagulácie</t>
    </r>
  </si>
  <si>
    <t>1.22.1</t>
  </si>
  <si>
    <t>1.22.2</t>
  </si>
  <si>
    <t>1.22.3</t>
  </si>
  <si>
    <t>požadovaná veľkosť 5 cm x 5 cm (tolerancia ±1 cm)</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2" fillId="0" borderId="25" xfId="0" applyNumberFormat="1" applyFont="1" applyBorder="1" applyAlignment="1">
      <alignment horizontal="left" vertical="center"/>
    </xf>
    <xf numFmtId="49" fontId="2" fillId="0" borderId="25" xfId="0" applyNumberFormat="1" applyFont="1" applyBorder="1" applyAlignment="1">
      <alignment horizontal="center" vertical="center"/>
    </xf>
    <xf numFmtId="0" fontId="3" fillId="0" borderId="20" xfId="0" applyFont="1" applyFill="1" applyBorder="1" applyAlignment="1">
      <alignment horizontal="left" vertical="center" wrapText="1"/>
    </xf>
    <xf numFmtId="49" fontId="4" fillId="5" borderId="10" xfId="0" applyNumberFormat="1" applyFont="1" applyFill="1" applyBorder="1" applyAlignment="1">
      <alignment horizontal="left" vertical="center" wrapText="1"/>
    </xf>
    <xf numFmtId="0" fontId="2" fillId="0" borderId="26" xfId="0" applyFont="1" applyBorder="1" applyAlignment="1">
      <alignment vertical="center" wrapText="1"/>
    </xf>
    <xf numFmtId="49" fontId="4" fillId="0" borderId="27" xfId="0" applyNumberFormat="1" applyFont="1" applyFill="1" applyBorder="1" applyAlignment="1">
      <alignment horizontal="left" vertical="center" wrapText="1"/>
    </xf>
    <xf numFmtId="49" fontId="4" fillId="5" borderId="27" xfId="0" applyNumberFormat="1"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13"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8" xfId="0" applyNumberFormat="1" applyFont="1" applyFill="1" applyBorder="1" applyAlignment="1">
      <alignment horizontal="center" vertical="center" wrapText="1"/>
    </xf>
    <xf numFmtId="49" fontId="2" fillId="0" borderId="28" xfId="0" applyNumberFormat="1" applyFont="1" applyFill="1" applyBorder="1" applyAlignment="1">
      <alignment horizontal="left" vertical="center" wrapText="1"/>
    </xf>
    <xf numFmtId="49" fontId="2" fillId="0" borderId="29" xfId="0" applyNumberFormat="1" applyFont="1" applyFill="1" applyBorder="1" applyAlignment="1">
      <alignment horizontal="left" vertical="center" wrapText="1"/>
    </xf>
    <xf numFmtId="49" fontId="2" fillId="0" borderId="29"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4" fillId="0" borderId="0" xfId="0" applyNumberFormat="1" applyFont="1" applyFill="1" applyAlignment="1">
      <alignment horizontal="left"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4" fillId="5" borderId="10" xfId="0" applyNumberFormat="1" applyFont="1" applyFill="1" applyBorder="1" applyAlignment="1">
      <alignment vertical="center" wrapText="1"/>
    </xf>
    <xf numFmtId="49" fontId="4" fillId="0" borderId="10" xfId="0" applyNumberFormat="1" applyFont="1" applyFill="1" applyBorder="1" applyAlignment="1">
      <alignment vertical="center" wrapText="1"/>
    </xf>
    <xf numFmtId="0" fontId="2" fillId="0" borderId="0" xfId="0" applyFont="1" applyBorder="1" applyAlignment="1">
      <alignment vertical="center"/>
    </xf>
    <xf numFmtId="49" fontId="4" fillId="0" borderId="20" xfId="0" applyNumberFormat="1" applyFont="1" applyFill="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0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281"/>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3" t="s">
        <v>50</v>
      </c>
      <c r="C1" s="103"/>
      <c r="D1" s="103"/>
      <c r="E1" s="103"/>
      <c r="F1" s="103"/>
    </row>
    <row r="2" spans="2:6" ht="27.75" customHeight="1" x14ac:dyDescent="0.2">
      <c r="B2" s="102" t="s">
        <v>47</v>
      </c>
      <c r="C2" s="102"/>
      <c r="D2" s="102"/>
      <c r="E2" s="102"/>
      <c r="F2" s="102"/>
    </row>
    <row r="3" spans="2:6" ht="54.75" customHeight="1" x14ac:dyDescent="0.2">
      <c r="B3" s="108" t="s">
        <v>54</v>
      </c>
      <c r="C3" s="108"/>
      <c r="D3" s="108"/>
      <c r="E3" s="108"/>
      <c r="F3" s="108"/>
    </row>
    <row r="4" spans="2:6" ht="24.95" customHeight="1" x14ac:dyDescent="0.2">
      <c r="B4" s="41" t="s">
        <v>53</v>
      </c>
      <c r="C4" s="42"/>
      <c r="D4" s="38"/>
      <c r="E4" s="38"/>
      <c r="F4" s="38"/>
    </row>
    <row r="5" spans="2:6" ht="24.95" customHeight="1" x14ac:dyDescent="0.2">
      <c r="B5" s="41" t="s">
        <v>51</v>
      </c>
      <c r="C5" s="43"/>
      <c r="D5" s="38"/>
      <c r="E5" s="38"/>
      <c r="F5" s="38"/>
    </row>
    <row r="6" spans="2:6" ht="5.0999999999999996" customHeight="1" x14ac:dyDescent="0.2">
      <c r="B6" s="38"/>
      <c r="C6" s="38"/>
      <c r="D6" s="38"/>
      <c r="E6" s="38"/>
      <c r="F6" s="38"/>
    </row>
    <row r="7" spans="2:6" s="2" customFormat="1" ht="20.100000000000001" customHeight="1" x14ac:dyDescent="0.25">
      <c r="B7" s="93" t="s">
        <v>5</v>
      </c>
      <c r="C7" s="93"/>
      <c r="D7" s="93"/>
      <c r="E7" s="93"/>
      <c r="F7" s="93"/>
    </row>
    <row r="8" spans="2:6" s="2" customFormat="1" ht="20.100000000000001" customHeight="1" x14ac:dyDescent="0.25">
      <c r="B8" s="116" t="s">
        <v>9</v>
      </c>
      <c r="C8" s="116"/>
      <c r="D8" s="116"/>
      <c r="E8" s="116"/>
      <c r="F8" s="116"/>
    </row>
    <row r="9" spans="2:6" ht="24.95" customHeight="1" x14ac:dyDescent="0.2">
      <c r="B9" s="117" t="s">
        <v>83</v>
      </c>
      <c r="C9" s="117"/>
      <c r="D9" s="117"/>
      <c r="E9" s="117"/>
      <c r="F9" s="117"/>
    </row>
    <row r="10" spans="2:6" ht="4.5" customHeight="1" x14ac:dyDescent="0.2">
      <c r="B10" s="40"/>
      <c r="C10" s="40"/>
      <c r="D10" s="40"/>
      <c r="E10" s="40"/>
      <c r="F10" s="40"/>
    </row>
    <row r="11" spans="2:6" s="2" customFormat="1" ht="20.100000000000001" customHeight="1" x14ac:dyDescent="0.25">
      <c r="B11" s="118" t="s">
        <v>10</v>
      </c>
      <c r="C11" s="118"/>
      <c r="D11" s="118"/>
      <c r="E11" s="118"/>
      <c r="F11" s="118"/>
    </row>
    <row r="12" spans="2:6" s="2" customFormat="1" ht="20.100000000000001" customHeight="1" x14ac:dyDescent="0.25">
      <c r="B12" s="119" t="s">
        <v>84</v>
      </c>
      <c r="C12" s="119"/>
      <c r="D12" s="119"/>
      <c r="E12" s="45"/>
      <c r="F12" s="45"/>
    </row>
    <row r="13" spans="2:6" s="3" customFormat="1" ht="20.100000000000001" customHeight="1" x14ac:dyDescent="0.25">
      <c r="B13" s="119" t="s">
        <v>27</v>
      </c>
      <c r="C13" s="119"/>
      <c r="D13" s="119"/>
      <c r="E13" s="18"/>
      <c r="F13" s="19"/>
    </row>
    <row r="14" spans="2:6" ht="4.5" customHeight="1" x14ac:dyDescent="0.2">
      <c r="B14" s="46"/>
      <c r="C14" s="46"/>
      <c r="D14" s="46"/>
      <c r="E14" s="40"/>
      <c r="F14" s="40"/>
    </row>
    <row r="15" spans="2:6" ht="20.100000000000001" customHeight="1" x14ac:dyDescent="0.2">
      <c r="B15" s="39" t="s">
        <v>11</v>
      </c>
      <c r="C15" s="20"/>
      <c r="D15" s="20"/>
      <c r="E15" s="21"/>
      <c r="F15" s="21"/>
    </row>
    <row r="16" spans="2:6" s="3" customFormat="1" ht="24.95" customHeight="1" x14ac:dyDescent="0.25">
      <c r="B16" s="106" t="s">
        <v>69</v>
      </c>
      <c r="C16" s="106"/>
      <c r="D16" s="106"/>
      <c r="E16" s="18"/>
      <c r="F16" s="19"/>
    </row>
    <row r="17" spans="2:9" ht="5.0999999999999996" customHeight="1" x14ac:dyDescent="0.2">
      <c r="B17" s="107"/>
      <c r="C17" s="107"/>
      <c r="D17" s="107"/>
      <c r="F17" s="15"/>
    </row>
    <row r="18" spans="2:9" s="2" customFormat="1" ht="20.100000000000001" customHeight="1" x14ac:dyDescent="0.25">
      <c r="B18" s="93" t="s">
        <v>24</v>
      </c>
      <c r="C18" s="93"/>
      <c r="D18" s="93"/>
      <c r="E18" s="93"/>
      <c r="F18" s="93"/>
    </row>
    <row r="19" spans="2:9" ht="33.75" customHeight="1" x14ac:dyDescent="0.2">
      <c r="B19" s="125" t="s">
        <v>85</v>
      </c>
      <c r="C19" s="125"/>
      <c r="D19" s="125"/>
      <c r="E19" s="125"/>
      <c r="F19" s="125"/>
    </row>
    <row r="20" spans="2:9" ht="5.0999999999999996" customHeight="1" x14ac:dyDescent="0.2">
      <c r="B20" s="107"/>
      <c r="C20" s="107"/>
      <c r="D20" s="107"/>
      <c r="F20" s="15"/>
    </row>
    <row r="21" spans="2:9" s="2" customFormat="1" ht="20.100000000000001" customHeight="1" x14ac:dyDescent="0.25">
      <c r="B21" s="93" t="s">
        <v>25</v>
      </c>
      <c r="C21" s="93"/>
      <c r="D21" s="93"/>
      <c r="E21" s="93"/>
      <c r="F21" s="93"/>
    </row>
    <row r="22" spans="2:9" s="9" customFormat="1" ht="20.100000000000001" customHeight="1" x14ac:dyDescent="0.25">
      <c r="B22" s="86" t="s">
        <v>6</v>
      </c>
      <c r="C22" s="86"/>
      <c r="D22" s="86"/>
      <c r="E22" s="86"/>
      <c r="F22" s="86"/>
    </row>
    <row r="23" spans="2:9" s="9" customFormat="1" ht="20.100000000000001" customHeight="1" x14ac:dyDescent="0.25">
      <c r="B23" s="89" t="s">
        <v>18</v>
      </c>
      <c r="C23" s="90"/>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89" t="s">
        <v>19</v>
      </c>
      <c r="C26" s="90"/>
      <c r="D26" s="14"/>
      <c r="E26" s="14"/>
      <c r="F26" s="14"/>
    </row>
    <row r="27" spans="2:9" s="9" customFormat="1" ht="31.5" customHeight="1" x14ac:dyDescent="0.25">
      <c r="B27" s="16" t="s">
        <v>20</v>
      </c>
      <c r="C27" s="87" t="s">
        <v>13</v>
      </c>
      <c r="D27" s="88"/>
      <c r="E27" s="17" t="s">
        <v>12</v>
      </c>
      <c r="F27" s="17" t="s">
        <v>14</v>
      </c>
    </row>
    <row r="28" spans="2:9" s="9" customFormat="1" ht="24.95" customHeight="1" x14ac:dyDescent="0.25">
      <c r="B28" s="47" t="s">
        <v>2</v>
      </c>
      <c r="C28" s="123" t="s">
        <v>83</v>
      </c>
      <c r="D28" s="124"/>
      <c r="E28" s="67" t="s">
        <v>1</v>
      </c>
      <c r="F28" s="68">
        <v>407</v>
      </c>
      <c r="I28" s="66"/>
    </row>
    <row r="29" spans="2:9" s="9" customFormat="1" ht="4.5" customHeight="1" x14ac:dyDescent="0.25">
      <c r="B29" s="14"/>
      <c r="C29" s="14"/>
      <c r="D29" s="14"/>
      <c r="E29" s="14"/>
      <c r="F29" s="14"/>
    </row>
    <row r="30" spans="2:9" s="9" customFormat="1" ht="20.100000000000001" customHeight="1" x14ac:dyDescent="0.25">
      <c r="B30" s="89" t="s">
        <v>21</v>
      </c>
      <c r="C30" s="90"/>
      <c r="D30" s="14"/>
      <c r="E30" s="14"/>
      <c r="F30" s="14"/>
    </row>
    <row r="31" spans="2:9" s="9" customFormat="1" ht="20.100000000000001" customHeight="1" x14ac:dyDescent="0.2">
      <c r="B31" s="10"/>
      <c r="C31" s="9" t="s">
        <v>3</v>
      </c>
      <c r="D31" s="14"/>
      <c r="E31" s="14"/>
      <c r="F31" s="14"/>
    </row>
    <row r="32" spans="2:9"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93" t="s">
        <v>26</v>
      </c>
      <c r="C34" s="93"/>
      <c r="D34" s="93"/>
      <c r="E34" s="93"/>
      <c r="F34" s="93"/>
    </row>
    <row r="35" spans="2:7" s="2" customFormat="1" ht="5.0999999999999996" customHeight="1" thickBot="1" x14ac:dyDescent="0.3">
      <c r="B35" s="15"/>
      <c r="D35" s="6"/>
      <c r="E35" s="6"/>
      <c r="F35" s="6"/>
    </row>
    <row r="36" spans="2:7" s="3" customFormat="1" ht="93" customHeight="1" x14ac:dyDescent="0.25">
      <c r="B36" s="94" t="s">
        <v>0</v>
      </c>
      <c r="C36" s="95"/>
      <c r="D36" s="81" t="s">
        <v>28</v>
      </c>
      <c r="E36" s="82"/>
      <c r="F36" s="83"/>
      <c r="G36" s="22"/>
    </row>
    <row r="37" spans="2:7" s="3" customFormat="1" ht="30" customHeight="1" thickBot="1" x14ac:dyDescent="0.3">
      <c r="B37" s="96"/>
      <c r="C37" s="97"/>
      <c r="D37" s="23" t="s">
        <v>29</v>
      </c>
      <c r="E37" s="84" t="s">
        <v>30</v>
      </c>
      <c r="F37" s="85"/>
    </row>
    <row r="38" spans="2:7" s="24" customFormat="1" ht="30.75" customHeight="1" x14ac:dyDescent="0.25">
      <c r="B38" s="120" t="s">
        <v>86</v>
      </c>
      <c r="C38" s="121"/>
      <c r="D38" s="121"/>
      <c r="E38" s="121"/>
      <c r="F38" s="122"/>
    </row>
    <row r="39" spans="2:7" s="4" customFormat="1" ht="27" customHeight="1" x14ac:dyDescent="0.25">
      <c r="B39" s="56" t="s">
        <v>16</v>
      </c>
      <c r="C39" s="44" t="s">
        <v>87</v>
      </c>
      <c r="D39" s="49"/>
      <c r="E39" s="77"/>
      <c r="F39" s="78"/>
    </row>
    <row r="40" spans="2:7" s="4" customFormat="1" ht="27" customHeight="1" x14ac:dyDescent="0.25">
      <c r="B40" s="56" t="s">
        <v>88</v>
      </c>
      <c r="C40" s="62" t="s">
        <v>89</v>
      </c>
      <c r="D40" s="49" t="s">
        <v>306</v>
      </c>
      <c r="E40" s="77"/>
      <c r="F40" s="78"/>
    </row>
    <row r="41" spans="2:7" s="4" customFormat="1" ht="27" customHeight="1" x14ac:dyDescent="0.25">
      <c r="B41" s="55" t="s">
        <v>90</v>
      </c>
      <c r="C41" s="44" t="s">
        <v>91</v>
      </c>
      <c r="D41" s="49"/>
      <c r="E41" s="79"/>
      <c r="F41" s="80"/>
    </row>
    <row r="42" spans="2:7" s="4" customFormat="1" ht="27" customHeight="1" x14ac:dyDescent="0.25">
      <c r="B42" s="55" t="s">
        <v>92</v>
      </c>
      <c r="C42" s="44" t="s">
        <v>93</v>
      </c>
      <c r="D42" s="49"/>
      <c r="E42" s="77"/>
      <c r="F42" s="78"/>
    </row>
    <row r="43" spans="2:7" s="4" customFormat="1" ht="27" customHeight="1" x14ac:dyDescent="0.25">
      <c r="B43" s="55" t="s">
        <v>94</v>
      </c>
      <c r="C43" s="44" t="s">
        <v>95</v>
      </c>
      <c r="D43" s="49"/>
      <c r="E43" s="77"/>
      <c r="F43" s="78"/>
    </row>
    <row r="44" spans="2:7" s="4" customFormat="1" ht="27" customHeight="1" x14ac:dyDescent="0.25">
      <c r="B44" s="55" t="s">
        <v>96</v>
      </c>
      <c r="C44" s="44" t="s">
        <v>97</v>
      </c>
      <c r="D44" s="49"/>
      <c r="E44" s="77"/>
      <c r="F44" s="78"/>
    </row>
    <row r="45" spans="2:7" s="4" customFormat="1" ht="27" customHeight="1" x14ac:dyDescent="0.25">
      <c r="B45" s="55" t="s">
        <v>98</v>
      </c>
      <c r="C45" s="44" t="s">
        <v>99</v>
      </c>
      <c r="D45" s="49"/>
      <c r="E45" s="77"/>
      <c r="F45" s="78"/>
    </row>
    <row r="46" spans="2:7" s="4" customFormat="1" ht="27" customHeight="1" x14ac:dyDescent="0.25">
      <c r="B46" s="55" t="s">
        <v>100</v>
      </c>
      <c r="C46" s="44" t="s">
        <v>101</v>
      </c>
      <c r="D46" s="49"/>
      <c r="E46" s="77"/>
      <c r="F46" s="78"/>
    </row>
    <row r="47" spans="2:7" s="4" customFormat="1" ht="27" customHeight="1" x14ac:dyDescent="0.25">
      <c r="B47" s="55" t="s">
        <v>102</v>
      </c>
      <c r="C47" s="44" t="s">
        <v>103</v>
      </c>
      <c r="D47" s="49"/>
      <c r="E47" s="77"/>
      <c r="F47" s="78"/>
    </row>
    <row r="48" spans="2:7" s="4" customFormat="1" ht="27" customHeight="1" x14ac:dyDescent="0.25">
      <c r="B48" s="56" t="s">
        <v>104</v>
      </c>
      <c r="C48" s="62" t="s">
        <v>105</v>
      </c>
      <c r="D48" s="49" t="s">
        <v>306</v>
      </c>
      <c r="E48" s="77"/>
      <c r="F48" s="78"/>
    </row>
    <row r="49" spans="2:6" s="4" customFormat="1" ht="27" customHeight="1" x14ac:dyDescent="0.25">
      <c r="B49" s="55" t="s">
        <v>106</v>
      </c>
      <c r="C49" s="44" t="s">
        <v>107</v>
      </c>
      <c r="D49" s="49"/>
      <c r="E49" s="77"/>
      <c r="F49" s="78"/>
    </row>
    <row r="50" spans="2:6" s="4" customFormat="1" ht="27" customHeight="1" x14ac:dyDescent="0.25">
      <c r="B50" s="55" t="s">
        <v>108</v>
      </c>
      <c r="C50" s="44" t="s">
        <v>109</v>
      </c>
      <c r="D50" s="49"/>
      <c r="E50" s="77"/>
      <c r="F50" s="78"/>
    </row>
    <row r="51" spans="2:6" s="4" customFormat="1" ht="27" customHeight="1" x14ac:dyDescent="0.25">
      <c r="B51" s="55" t="s">
        <v>110</v>
      </c>
      <c r="C51" s="44" t="s">
        <v>111</v>
      </c>
      <c r="D51" s="49"/>
      <c r="E51" s="77"/>
      <c r="F51" s="78"/>
    </row>
    <row r="52" spans="2:6" s="4" customFormat="1" ht="27" customHeight="1" x14ac:dyDescent="0.25">
      <c r="B52" s="56" t="s">
        <v>112</v>
      </c>
      <c r="C52" s="62" t="s">
        <v>113</v>
      </c>
      <c r="D52" s="130"/>
      <c r="E52" s="77"/>
      <c r="F52" s="78"/>
    </row>
    <row r="53" spans="2:6" s="4" customFormat="1" ht="27" customHeight="1" x14ac:dyDescent="0.25">
      <c r="B53" s="55" t="s">
        <v>114</v>
      </c>
      <c r="C53" s="44" t="s">
        <v>91</v>
      </c>
      <c r="D53" s="49"/>
      <c r="E53" s="79"/>
      <c r="F53" s="80"/>
    </row>
    <row r="54" spans="2:6" s="4" customFormat="1" ht="27" customHeight="1" x14ac:dyDescent="0.25">
      <c r="B54" s="55" t="s">
        <v>115</v>
      </c>
      <c r="C54" s="63" t="s">
        <v>116</v>
      </c>
      <c r="D54" s="49"/>
      <c r="E54" s="77"/>
      <c r="F54" s="78"/>
    </row>
    <row r="55" spans="2:6" s="4" customFormat="1" ht="27" customHeight="1" x14ac:dyDescent="0.25">
      <c r="B55" s="55" t="s">
        <v>117</v>
      </c>
      <c r="C55" s="44" t="s">
        <v>118</v>
      </c>
      <c r="D55" s="49"/>
      <c r="E55" s="77"/>
      <c r="F55" s="78"/>
    </row>
    <row r="56" spans="2:6" s="4" customFormat="1" ht="27" customHeight="1" x14ac:dyDescent="0.25">
      <c r="B56" s="55" t="s">
        <v>119</v>
      </c>
      <c r="C56" s="44" t="s">
        <v>120</v>
      </c>
      <c r="D56" s="49"/>
      <c r="E56" s="77"/>
      <c r="F56" s="78"/>
    </row>
    <row r="57" spans="2:6" s="4" customFormat="1" ht="27" customHeight="1" x14ac:dyDescent="0.25">
      <c r="B57" s="55" t="s">
        <v>121</v>
      </c>
      <c r="C57" s="44" t="s">
        <v>122</v>
      </c>
      <c r="D57" s="49"/>
      <c r="E57" s="77"/>
      <c r="F57" s="78"/>
    </row>
    <row r="58" spans="2:6" s="4" customFormat="1" ht="45" customHeight="1" x14ac:dyDescent="0.25">
      <c r="B58" s="55" t="s">
        <v>123</v>
      </c>
      <c r="C58" s="44" t="s">
        <v>124</v>
      </c>
      <c r="D58" s="49"/>
      <c r="E58" s="77"/>
      <c r="F58" s="78"/>
    </row>
    <row r="59" spans="2:6" s="4" customFormat="1" ht="27" customHeight="1" x14ac:dyDescent="0.25">
      <c r="B59" s="55" t="s">
        <v>125</v>
      </c>
      <c r="C59" s="44" t="s">
        <v>126</v>
      </c>
      <c r="D59" s="49"/>
      <c r="E59" s="77"/>
      <c r="F59" s="78"/>
    </row>
    <row r="60" spans="2:6" s="4" customFormat="1" ht="27" customHeight="1" x14ac:dyDescent="0.25">
      <c r="B60" s="55" t="s">
        <v>127</v>
      </c>
      <c r="C60" s="44" t="s">
        <v>128</v>
      </c>
      <c r="D60" s="49"/>
      <c r="E60" s="77"/>
      <c r="F60" s="78"/>
    </row>
    <row r="61" spans="2:6" s="4" customFormat="1" ht="27" customHeight="1" x14ac:dyDescent="0.25">
      <c r="B61" s="55" t="s">
        <v>129</v>
      </c>
      <c r="C61" s="44" t="s">
        <v>130</v>
      </c>
      <c r="D61" s="49"/>
      <c r="E61" s="77"/>
      <c r="F61" s="78"/>
    </row>
    <row r="62" spans="2:6" s="4" customFormat="1" ht="27" customHeight="1" x14ac:dyDescent="0.25">
      <c r="B62" s="55" t="s">
        <v>131</v>
      </c>
      <c r="C62" s="44" t="s">
        <v>132</v>
      </c>
      <c r="D62" s="49"/>
      <c r="E62" s="77"/>
      <c r="F62" s="78"/>
    </row>
    <row r="63" spans="2:6" s="4" customFormat="1" ht="27" customHeight="1" x14ac:dyDescent="0.25">
      <c r="B63" s="55" t="s">
        <v>133</v>
      </c>
      <c r="C63" s="44" t="s">
        <v>134</v>
      </c>
      <c r="D63" s="49"/>
      <c r="E63" s="77"/>
      <c r="F63" s="78"/>
    </row>
    <row r="64" spans="2:6" s="4" customFormat="1" ht="27" customHeight="1" x14ac:dyDescent="0.25">
      <c r="B64" s="56" t="s">
        <v>135</v>
      </c>
      <c r="C64" s="62" t="s">
        <v>136</v>
      </c>
      <c r="D64" s="49" t="s">
        <v>306</v>
      </c>
      <c r="E64" s="77"/>
      <c r="F64" s="78"/>
    </row>
    <row r="65" spans="2:6" s="4" customFormat="1" ht="27" customHeight="1" x14ac:dyDescent="0.25">
      <c r="B65" s="55" t="s">
        <v>137</v>
      </c>
      <c r="C65" s="44" t="s">
        <v>91</v>
      </c>
      <c r="D65" s="49"/>
      <c r="E65" s="77"/>
      <c r="F65" s="78"/>
    </row>
    <row r="66" spans="2:6" s="4" customFormat="1" ht="27" customHeight="1" x14ac:dyDescent="0.25">
      <c r="B66" s="55" t="s">
        <v>138</v>
      </c>
      <c r="C66" s="44" t="s">
        <v>116</v>
      </c>
      <c r="D66" s="49"/>
      <c r="E66" s="77"/>
      <c r="F66" s="78"/>
    </row>
    <row r="67" spans="2:6" s="4" customFormat="1" ht="27" customHeight="1" x14ac:dyDescent="0.25">
      <c r="B67" s="55" t="s">
        <v>139</v>
      </c>
      <c r="C67" s="44" t="s">
        <v>140</v>
      </c>
      <c r="D67" s="49"/>
      <c r="E67" s="77"/>
      <c r="F67" s="78"/>
    </row>
    <row r="68" spans="2:6" s="4" customFormat="1" ht="27" customHeight="1" x14ac:dyDescent="0.25">
      <c r="B68" s="55" t="s">
        <v>141</v>
      </c>
      <c r="C68" s="44" t="s">
        <v>120</v>
      </c>
      <c r="D68" s="49"/>
      <c r="E68" s="77"/>
      <c r="F68" s="78"/>
    </row>
    <row r="69" spans="2:6" s="4" customFormat="1" ht="27" customHeight="1" x14ac:dyDescent="0.25">
      <c r="B69" s="55" t="s">
        <v>142</v>
      </c>
      <c r="C69" s="44" t="s">
        <v>122</v>
      </c>
      <c r="D69" s="49"/>
      <c r="E69" s="79"/>
      <c r="F69" s="80"/>
    </row>
    <row r="70" spans="2:6" s="4" customFormat="1" ht="41.25" customHeight="1" x14ac:dyDescent="0.25">
      <c r="B70" s="55" t="s">
        <v>143</v>
      </c>
      <c r="C70" s="64" t="s">
        <v>144</v>
      </c>
      <c r="D70" s="49"/>
      <c r="E70" s="77"/>
      <c r="F70" s="78"/>
    </row>
    <row r="71" spans="2:6" s="4" customFormat="1" ht="27" customHeight="1" x14ac:dyDescent="0.25">
      <c r="B71" s="55" t="s">
        <v>145</v>
      </c>
      <c r="C71" s="64" t="s">
        <v>126</v>
      </c>
      <c r="D71" s="49"/>
      <c r="E71" s="77"/>
      <c r="F71" s="78"/>
    </row>
    <row r="72" spans="2:6" s="4" customFormat="1" ht="27" customHeight="1" x14ac:dyDescent="0.25">
      <c r="B72" s="55" t="s">
        <v>146</v>
      </c>
      <c r="C72" s="64" t="s">
        <v>128</v>
      </c>
      <c r="D72" s="49"/>
      <c r="E72" s="77"/>
      <c r="F72" s="78"/>
    </row>
    <row r="73" spans="2:6" s="4" customFormat="1" ht="27" customHeight="1" x14ac:dyDescent="0.25">
      <c r="B73" s="55" t="s">
        <v>147</v>
      </c>
      <c r="C73" s="64" t="s">
        <v>130</v>
      </c>
      <c r="D73" s="49"/>
      <c r="E73" s="77"/>
      <c r="F73" s="78"/>
    </row>
    <row r="74" spans="2:6" s="4" customFormat="1" ht="27" customHeight="1" x14ac:dyDescent="0.25">
      <c r="B74" s="55" t="s">
        <v>148</v>
      </c>
      <c r="C74" s="64" t="s">
        <v>132</v>
      </c>
      <c r="D74" s="49"/>
      <c r="E74" s="77"/>
      <c r="F74" s="78"/>
    </row>
    <row r="75" spans="2:6" s="4" customFormat="1" ht="27" customHeight="1" x14ac:dyDescent="0.25">
      <c r="B75" s="55" t="s">
        <v>149</v>
      </c>
      <c r="C75" s="64" t="s">
        <v>134</v>
      </c>
      <c r="D75" s="49"/>
      <c r="E75" s="77"/>
      <c r="F75" s="78"/>
    </row>
    <row r="76" spans="2:6" s="4" customFormat="1" ht="27" customHeight="1" x14ac:dyDescent="0.25">
      <c r="B76" s="56" t="s">
        <v>150</v>
      </c>
      <c r="C76" s="62" t="s">
        <v>151</v>
      </c>
      <c r="D76" s="49" t="s">
        <v>306</v>
      </c>
      <c r="E76" s="77"/>
      <c r="F76" s="78"/>
    </row>
    <row r="77" spans="2:6" s="4" customFormat="1" ht="27" customHeight="1" x14ac:dyDescent="0.25">
      <c r="B77" s="60" t="s">
        <v>152</v>
      </c>
      <c r="C77" s="64" t="s">
        <v>153</v>
      </c>
      <c r="D77" s="49"/>
      <c r="E77" s="77"/>
      <c r="F77" s="78"/>
    </row>
    <row r="78" spans="2:6" s="4" customFormat="1" ht="27" customHeight="1" x14ac:dyDescent="0.25">
      <c r="B78" s="60" t="s">
        <v>154</v>
      </c>
      <c r="C78" s="64" t="s">
        <v>155</v>
      </c>
      <c r="D78" s="49"/>
      <c r="E78" s="77"/>
      <c r="F78" s="78"/>
    </row>
    <row r="79" spans="2:6" s="4" customFormat="1" ht="27" customHeight="1" x14ac:dyDescent="0.25">
      <c r="B79" s="60" t="s">
        <v>156</v>
      </c>
      <c r="C79" s="64" t="s">
        <v>157</v>
      </c>
      <c r="D79" s="49"/>
      <c r="E79" s="77"/>
      <c r="F79" s="78"/>
    </row>
    <row r="80" spans="2:6" s="4" customFormat="1" ht="27" customHeight="1" x14ac:dyDescent="0.25">
      <c r="B80" s="60" t="s">
        <v>158</v>
      </c>
      <c r="C80" s="64" t="s">
        <v>159</v>
      </c>
      <c r="D80" s="49"/>
      <c r="E80" s="77"/>
      <c r="F80" s="78"/>
    </row>
    <row r="81" spans="2:6" s="4" customFormat="1" ht="27" customHeight="1" x14ac:dyDescent="0.25">
      <c r="B81" s="60" t="s">
        <v>160</v>
      </c>
      <c r="C81" s="64" t="s">
        <v>161</v>
      </c>
      <c r="D81" s="49"/>
      <c r="E81" s="77"/>
      <c r="F81" s="78"/>
    </row>
    <row r="82" spans="2:6" s="4" customFormat="1" ht="27" customHeight="1" x14ac:dyDescent="0.25">
      <c r="B82" s="60" t="s">
        <v>162</v>
      </c>
      <c r="C82" s="64" t="s">
        <v>163</v>
      </c>
      <c r="D82" s="49"/>
      <c r="E82" s="77"/>
      <c r="F82" s="78"/>
    </row>
    <row r="83" spans="2:6" s="4" customFormat="1" ht="27" customHeight="1" x14ac:dyDescent="0.25">
      <c r="B83" s="60" t="s">
        <v>164</v>
      </c>
      <c r="C83" s="64" t="s">
        <v>165</v>
      </c>
      <c r="D83" s="49"/>
      <c r="E83" s="77"/>
      <c r="F83" s="78"/>
    </row>
    <row r="84" spans="2:6" s="4" customFormat="1" ht="27" customHeight="1" x14ac:dyDescent="0.25">
      <c r="B84" s="60" t="s">
        <v>166</v>
      </c>
      <c r="C84" s="64" t="s">
        <v>167</v>
      </c>
      <c r="D84" s="49"/>
      <c r="E84" s="77"/>
      <c r="F84" s="78"/>
    </row>
    <row r="85" spans="2:6" s="4" customFormat="1" ht="27" customHeight="1" x14ac:dyDescent="0.25">
      <c r="B85" s="55" t="s">
        <v>168</v>
      </c>
      <c r="C85" s="44" t="s">
        <v>169</v>
      </c>
      <c r="D85" s="49"/>
      <c r="E85" s="77"/>
      <c r="F85" s="78"/>
    </row>
    <row r="86" spans="2:6" s="4" customFormat="1" ht="27" customHeight="1" x14ac:dyDescent="0.25">
      <c r="B86" s="55" t="s">
        <v>170</v>
      </c>
      <c r="C86" s="44" t="s">
        <v>171</v>
      </c>
      <c r="D86" s="49"/>
      <c r="E86" s="77"/>
      <c r="F86" s="78"/>
    </row>
    <row r="87" spans="2:6" s="4" customFormat="1" ht="27" customHeight="1" x14ac:dyDescent="0.25">
      <c r="B87" s="56" t="s">
        <v>172</v>
      </c>
      <c r="C87" s="62" t="s">
        <v>173</v>
      </c>
      <c r="D87" s="49" t="s">
        <v>306</v>
      </c>
      <c r="E87" s="79"/>
      <c r="F87" s="80"/>
    </row>
    <row r="88" spans="2:6" s="4" customFormat="1" ht="27" customHeight="1" x14ac:dyDescent="0.25">
      <c r="B88" s="60" t="s">
        <v>174</v>
      </c>
      <c r="C88" s="64" t="s">
        <v>153</v>
      </c>
      <c r="D88" s="49"/>
      <c r="E88" s="77"/>
      <c r="F88" s="78"/>
    </row>
    <row r="89" spans="2:6" s="4" customFormat="1" ht="27" customHeight="1" x14ac:dyDescent="0.25">
      <c r="B89" s="60" t="s">
        <v>175</v>
      </c>
      <c r="C89" s="64" t="s">
        <v>155</v>
      </c>
      <c r="D89" s="49"/>
      <c r="E89" s="77"/>
      <c r="F89" s="78"/>
    </row>
    <row r="90" spans="2:6" s="4" customFormat="1" ht="27" customHeight="1" x14ac:dyDescent="0.25">
      <c r="B90" s="60" t="s">
        <v>176</v>
      </c>
      <c r="C90" s="64" t="s">
        <v>157</v>
      </c>
      <c r="D90" s="49"/>
      <c r="E90" s="77"/>
      <c r="F90" s="78"/>
    </row>
    <row r="91" spans="2:6" s="4" customFormat="1" ht="27" customHeight="1" x14ac:dyDescent="0.25">
      <c r="B91" s="60" t="s">
        <v>177</v>
      </c>
      <c r="C91" s="64" t="s">
        <v>178</v>
      </c>
      <c r="D91" s="49"/>
      <c r="E91" s="77"/>
      <c r="F91" s="78"/>
    </row>
    <row r="92" spans="2:6" s="4" customFormat="1" ht="27" customHeight="1" x14ac:dyDescent="0.25">
      <c r="B92" s="60" t="s">
        <v>179</v>
      </c>
      <c r="C92" s="64" t="s">
        <v>161</v>
      </c>
      <c r="D92" s="49"/>
      <c r="E92" s="77"/>
      <c r="F92" s="78"/>
    </row>
    <row r="93" spans="2:6" s="4" customFormat="1" ht="27" customHeight="1" x14ac:dyDescent="0.25">
      <c r="B93" s="60" t="s">
        <v>180</v>
      </c>
      <c r="C93" s="64" t="s">
        <v>165</v>
      </c>
      <c r="D93" s="49"/>
      <c r="E93" s="77"/>
      <c r="F93" s="78"/>
    </row>
    <row r="94" spans="2:6" s="4" customFormat="1" ht="27" customHeight="1" x14ac:dyDescent="0.25">
      <c r="B94" s="60" t="s">
        <v>181</v>
      </c>
      <c r="C94" s="64" t="s">
        <v>167</v>
      </c>
      <c r="D94" s="49"/>
      <c r="E94" s="77"/>
      <c r="F94" s="78"/>
    </row>
    <row r="95" spans="2:6" s="4" customFormat="1" ht="27" customHeight="1" x14ac:dyDescent="0.25">
      <c r="B95" s="60" t="s">
        <v>182</v>
      </c>
      <c r="C95" s="64" t="s">
        <v>169</v>
      </c>
      <c r="D95" s="49"/>
      <c r="E95" s="77"/>
      <c r="F95" s="78"/>
    </row>
    <row r="96" spans="2:6" s="4" customFormat="1" ht="27" customHeight="1" x14ac:dyDescent="0.25">
      <c r="B96" s="55" t="s">
        <v>183</v>
      </c>
      <c r="C96" s="44" t="s">
        <v>171</v>
      </c>
      <c r="D96" s="49"/>
      <c r="E96" s="77"/>
      <c r="F96" s="78"/>
    </row>
    <row r="97" spans="2:6" s="4" customFormat="1" ht="27" customHeight="1" x14ac:dyDescent="0.25">
      <c r="B97" s="56" t="s">
        <v>184</v>
      </c>
      <c r="C97" s="62" t="s">
        <v>185</v>
      </c>
      <c r="D97" s="49" t="s">
        <v>306</v>
      </c>
      <c r="E97" s="77"/>
      <c r="F97" s="78"/>
    </row>
    <row r="98" spans="2:6" s="4" customFormat="1" ht="27" customHeight="1" x14ac:dyDescent="0.25">
      <c r="B98" s="60" t="s">
        <v>186</v>
      </c>
      <c r="C98" s="64" t="s">
        <v>91</v>
      </c>
      <c r="D98" s="49"/>
      <c r="E98" s="77"/>
      <c r="F98" s="78"/>
    </row>
    <row r="99" spans="2:6" s="4" customFormat="1" ht="27" customHeight="1" x14ac:dyDescent="0.25">
      <c r="B99" s="60" t="s">
        <v>187</v>
      </c>
      <c r="C99" s="64" t="s">
        <v>188</v>
      </c>
      <c r="D99" s="49"/>
      <c r="E99" s="77"/>
      <c r="F99" s="78"/>
    </row>
    <row r="100" spans="2:6" s="4" customFormat="1" ht="27" customHeight="1" x14ac:dyDescent="0.25">
      <c r="B100" s="60" t="s">
        <v>189</v>
      </c>
      <c r="C100" s="64" t="s">
        <v>190</v>
      </c>
      <c r="D100" s="49"/>
      <c r="E100" s="77"/>
      <c r="F100" s="78"/>
    </row>
    <row r="101" spans="2:6" s="4" customFormat="1" ht="47.25" customHeight="1" x14ac:dyDescent="0.25">
      <c r="B101" s="60" t="s">
        <v>191</v>
      </c>
      <c r="C101" s="64" t="s">
        <v>192</v>
      </c>
      <c r="D101" s="49"/>
      <c r="E101" s="77"/>
      <c r="F101" s="78"/>
    </row>
    <row r="102" spans="2:6" s="4" customFormat="1" ht="27" customHeight="1" x14ac:dyDescent="0.25">
      <c r="B102" s="60" t="s">
        <v>193</v>
      </c>
      <c r="C102" s="64" t="s">
        <v>194</v>
      </c>
      <c r="D102" s="49"/>
      <c r="E102" s="77"/>
      <c r="F102" s="78"/>
    </row>
    <row r="103" spans="2:6" s="4" customFormat="1" ht="27" customHeight="1" x14ac:dyDescent="0.25">
      <c r="B103" s="59" t="s">
        <v>195</v>
      </c>
      <c r="C103" s="65" t="s">
        <v>305</v>
      </c>
      <c r="D103" s="49" t="s">
        <v>306</v>
      </c>
      <c r="E103" s="77"/>
      <c r="F103" s="78"/>
    </row>
    <row r="104" spans="2:6" s="4" customFormat="1" ht="30" customHeight="1" x14ac:dyDescent="0.25">
      <c r="B104" s="55" t="s">
        <v>196</v>
      </c>
      <c r="C104" s="129" t="s">
        <v>91</v>
      </c>
      <c r="D104" s="49"/>
      <c r="E104" s="77"/>
      <c r="F104" s="78"/>
    </row>
    <row r="105" spans="2:6" s="4" customFormat="1" ht="30" customHeight="1" x14ac:dyDescent="0.25">
      <c r="B105" s="55" t="s">
        <v>197</v>
      </c>
      <c r="C105" s="129" t="s">
        <v>198</v>
      </c>
      <c r="D105" s="49"/>
      <c r="E105" s="77"/>
      <c r="F105" s="78"/>
    </row>
    <row r="106" spans="2:6" s="4" customFormat="1" ht="30" customHeight="1" x14ac:dyDescent="0.25">
      <c r="B106" s="55" t="s">
        <v>199</v>
      </c>
      <c r="C106" s="129" t="s">
        <v>200</v>
      </c>
      <c r="D106" s="49"/>
      <c r="E106" s="77"/>
      <c r="F106" s="78"/>
    </row>
    <row r="107" spans="2:6" s="4" customFormat="1" ht="30" customHeight="1" x14ac:dyDescent="0.25">
      <c r="B107" s="55" t="s">
        <v>304</v>
      </c>
      <c r="C107" s="129" t="s">
        <v>307</v>
      </c>
      <c r="D107" s="49"/>
      <c r="E107" s="77"/>
      <c r="F107" s="78"/>
    </row>
    <row r="108" spans="2:6" s="4" customFormat="1" ht="30" customHeight="1" x14ac:dyDescent="0.25">
      <c r="B108" s="56" t="s">
        <v>201</v>
      </c>
      <c r="C108" s="128" t="s">
        <v>308</v>
      </c>
      <c r="D108" s="49" t="s">
        <v>306</v>
      </c>
      <c r="E108" s="77"/>
      <c r="F108" s="78"/>
    </row>
    <row r="109" spans="2:6" s="4" customFormat="1" ht="30" customHeight="1" x14ac:dyDescent="0.25">
      <c r="B109" s="55" t="s">
        <v>202</v>
      </c>
      <c r="C109" s="129" t="s">
        <v>91</v>
      </c>
      <c r="D109" s="49"/>
      <c r="E109" s="77"/>
      <c r="F109" s="78"/>
    </row>
    <row r="110" spans="2:6" s="4" customFormat="1" ht="30" customHeight="1" x14ac:dyDescent="0.25">
      <c r="B110" s="55" t="s">
        <v>203</v>
      </c>
      <c r="C110" s="129" t="s">
        <v>309</v>
      </c>
      <c r="D110" s="49"/>
      <c r="E110" s="77"/>
      <c r="F110" s="78"/>
    </row>
    <row r="111" spans="2:6" s="4" customFormat="1" ht="30" customHeight="1" x14ac:dyDescent="0.25">
      <c r="B111" s="55" t="s">
        <v>205</v>
      </c>
      <c r="C111" s="129" t="s">
        <v>310</v>
      </c>
      <c r="D111" s="49"/>
      <c r="E111" s="77"/>
      <c r="F111" s="78"/>
    </row>
    <row r="112" spans="2:6" s="4" customFormat="1" ht="30" customHeight="1" x14ac:dyDescent="0.25">
      <c r="B112" s="55" t="s">
        <v>311</v>
      </c>
      <c r="C112" s="129" t="s">
        <v>312</v>
      </c>
      <c r="D112" s="49"/>
      <c r="E112" s="77"/>
      <c r="F112" s="78"/>
    </row>
    <row r="113" spans="2:6" s="4" customFormat="1" ht="30" customHeight="1" x14ac:dyDescent="0.25">
      <c r="B113" s="56" t="s">
        <v>207</v>
      </c>
      <c r="C113" s="128" t="s">
        <v>313</v>
      </c>
      <c r="D113" s="49" t="s">
        <v>306</v>
      </c>
      <c r="E113" s="77"/>
      <c r="F113" s="78"/>
    </row>
    <row r="114" spans="2:6" s="4" customFormat="1" ht="30" customHeight="1" x14ac:dyDescent="0.25">
      <c r="B114" s="55" t="s">
        <v>208</v>
      </c>
      <c r="C114" s="129" t="s">
        <v>91</v>
      </c>
      <c r="D114" s="49"/>
      <c r="E114" s="77"/>
      <c r="F114" s="78"/>
    </row>
    <row r="115" spans="2:6" s="4" customFormat="1" ht="30" customHeight="1" x14ac:dyDescent="0.25">
      <c r="B115" s="55" t="s">
        <v>209</v>
      </c>
      <c r="C115" s="129" t="s">
        <v>309</v>
      </c>
      <c r="D115" s="49"/>
      <c r="E115" s="77"/>
      <c r="F115" s="78"/>
    </row>
    <row r="116" spans="2:6" s="4" customFormat="1" ht="30" customHeight="1" x14ac:dyDescent="0.25">
      <c r="B116" s="55" t="s">
        <v>211</v>
      </c>
      <c r="C116" s="129" t="s">
        <v>314</v>
      </c>
      <c r="D116" s="49"/>
      <c r="E116" s="77"/>
      <c r="F116" s="78"/>
    </row>
    <row r="117" spans="2:6" s="4" customFormat="1" ht="30" customHeight="1" x14ac:dyDescent="0.25">
      <c r="B117" s="55" t="s">
        <v>315</v>
      </c>
      <c r="C117" s="129" t="s">
        <v>316</v>
      </c>
      <c r="D117" s="49"/>
      <c r="E117" s="77"/>
      <c r="F117" s="78"/>
    </row>
    <row r="118" spans="2:6" s="4" customFormat="1" ht="30" customHeight="1" x14ac:dyDescent="0.25">
      <c r="B118" s="56" t="s">
        <v>213</v>
      </c>
      <c r="C118" s="128" t="s">
        <v>317</v>
      </c>
      <c r="D118" s="49" t="s">
        <v>306</v>
      </c>
      <c r="E118" s="77"/>
      <c r="F118" s="78"/>
    </row>
    <row r="119" spans="2:6" s="4" customFormat="1" ht="30" customHeight="1" x14ac:dyDescent="0.25">
      <c r="B119" s="55" t="s">
        <v>214</v>
      </c>
      <c r="C119" s="129" t="s">
        <v>91</v>
      </c>
      <c r="D119" s="49"/>
      <c r="E119" s="77"/>
      <c r="F119" s="78"/>
    </row>
    <row r="120" spans="2:6" s="4" customFormat="1" ht="30" customHeight="1" x14ac:dyDescent="0.25">
      <c r="B120" s="55" t="s">
        <v>215</v>
      </c>
      <c r="C120" s="129" t="s">
        <v>309</v>
      </c>
      <c r="D120" s="49"/>
      <c r="E120" s="77"/>
      <c r="F120" s="78"/>
    </row>
    <row r="121" spans="2:6" s="4" customFormat="1" ht="30" customHeight="1" x14ac:dyDescent="0.25">
      <c r="B121" s="55" t="s">
        <v>217</v>
      </c>
      <c r="C121" s="129" t="s">
        <v>310</v>
      </c>
      <c r="D121" s="49"/>
      <c r="E121" s="77"/>
      <c r="F121" s="78"/>
    </row>
    <row r="122" spans="2:6" s="4" customFormat="1" ht="30" customHeight="1" x14ac:dyDescent="0.25">
      <c r="B122" s="55" t="s">
        <v>219</v>
      </c>
      <c r="C122" s="129" t="s">
        <v>318</v>
      </c>
      <c r="D122" s="49"/>
      <c r="E122" s="77"/>
      <c r="F122" s="78"/>
    </row>
    <row r="123" spans="2:6" s="4" customFormat="1" ht="30" customHeight="1" x14ac:dyDescent="0.25">
      <c r="B123" s="56" t="s">
        <v>229</v>
      </c>
      <c r="C123" s="128" t="s">
        <v>319</v>
      </c>
      <c r="D123" s="49" t="s">
        <v>306</v>
      </c>
      <c r="E123" s="77"/>
      <c r="F123" s="78"/>
    </row>
    <row r="124" spans="2:6" s="4" customFormat="1" ht="30" customHeight="1" x14ac:dyDescent="0.25">
      <c r="B124" s="55" t="s">
        <v>230</v>
      </c>
      <c r="C124" s="129" t="s">
        <v>91</v>
      </c>
      <c r="D124" s="49"/>
      <c r="E124" s="77"/>
      <c r="F124" s="78"/>
    </row>
    <row r="125" spans="2:6" s="4" customFormat="1" ht="30" customHeight="1" x14ac:dyDescent="0.25">
      <c r="B125" s="55" t="s">
        <v>231</v>
      </c>
      <c r="C125" s="129" t="s">
        <v>320</v>
      </c>
      <c r="D125" s="49"/>
      <c r="E125" s="77"/>
      <c r="F125" s="78"/>
    </row>
    <row r="126" spans="2:6" s="4" customFormat="1" ht="30" customHeight="1" x14ac:dyDescent="0.25">
      <c r="B126" s="55" t="s">
        <v>233</v>
      </c>
      <c r="C126" s="129" t="s">
        <v>321</v>
      </c>
      <c r="D126" s="49"/>
      <c r="E126" s="77"/>
      <c r="F126" s="78"/>
    </row>
    <row r="127" spans="2:6" s="4" customFormat="1" ht="30" customHeight="1" x14ac:dyDescent="0.25">
      <c r="B127" s="56" t="s">
        <v>235</v>
      </c>
      <c r="C127" s="128" t="s">
        <v>322</v>
      </c>
      <c r="D127" s="49" t="s">
        <v>306</v>
      </c>
      <c r="E127" s="77"/>
      <c r="F127" s="78"/>
    </row>
    <row r="128" spans="2:6" s="4" customFormat="1" ht="30" customHeight="1" x14ac:dyDescent="0.25">
      <c r="B128" s="55" t="s">
        <v>236</v>
      </c>
      <c r="C128" s="129" t="s">
        <v>91</v>
      </c>
      <c r="D128" s="49"/>
      <c r="E128" s="77"/>
      <c r="F128" s="78"/>
    </row>
    <row r="129" spans="2:6" s="4" customFormat="1" ht="30" customHeight="1" x14ac:dyDescent="0.25">
      <c r="B129" s="55" t="s">
        <v>237</v>
      </c>
      <c r="C129" s="129" t="s">
        <v>323</v>
      </c>
      <c r="D129" s="49"/>
      <c r="E129" s="77"/>
      <c r="F129" s="78"/>
    </row>
    <row r="130" spans="2:6" s="4" customFormat="1" ht="30" customHeight="1" x14ac:dyDescent="0.25">
      <c r="B130" s="55" t="s">
        <v>239</v>
      </c>
      <c r="C130" s="129" t="s">
        <v>324</v>
      </c>
      <c r="D130" s="49"/>
      <c r="E130" s="77"/>
      <c r="F130" s="78"/>
    </row>
    <row r="131" spans="2:6" s="4" customFormat="1" ht="30" customHeight="1" x14ac:dyDescent="0.25">
      <c r="B131" s="56" t="s">
        <v>249</v>
      </c>
      <c r="C131" s="128" t="s">
        <v>325</v>
      </c>
      <c r="D131" s="49" t="s">
        <v>306</v>
      </c>
      <c r="E131" s="77"/>
      <c r="F131" s="78"/>
    </row>
    <row r="132" spans="2:6" s="4" customFormat="1" ht="30" customHeight="1" x14ac:dyDescent="0.25">
      <c r="B132" s="55" t="s">
        <v>250</v>
      </c>
      <c r="C132" s="129" t="s">
        <v>91</v>
      </c>
      <c r="D132" s="49"/>
      <c r="E132" s="77"/>
      <c r="F132" s="78"/>
    </row>
    <row r="133" spans="2:6" s="4" customFormat="1" ht="30" customHeight="1" x14ac:dyDescent="0.25">
      <c r="B133" s="55" t="s">
        <v>252</v>
      </c>
      <c r="C133" s="129" t="s">
        <v>326</v>
      </c>
      <c r="D133" s="49"/>
      <c r="E133" s="77"/>
      <c r="F133" s="78"/>
    </row>
    <row r="134" spans="2:6" s="4" customFormat="1" ht="30" customHeight="1" x14ac:dyDescent="0.25">
      <c r="B134" s="55" t="s">
        <v>254</v>
      </c>
      <c r="C134" s="129" t="s">
        <v>327</v>
      </c>
      <c r="D134" s="49"/>
      <c r="E134" s="77"/>
      <c r="F134" s="78"/>
    </row>
    <row r="135" spans="2:6" s="4" customFormat="1" ht="30" customHeight="1" x14ac:dyDescent="0.25">
      <c r="B135" s="56" t="s">
        <v>328</v>
      </c>
      <c r="C135" s="128" t="s">
        <v>329</v>
      </c>
      <c r="D135" s="49" t="s">
        <v>306</v>
      </c>
      <c r="E135" s="77"/>
      <c r="F135" s="78"/>
    </row>
    <row r="136" spans="2:6" s="4" customFormat="1" ht="30" customHeight="1" x14ac:dyDescent="0.25">
      <c r="B136" s="55" t="s">
        <v>330</v>
      </c>
      <c r="C136" s="129" t="s">
        <v>91</v>
      </c>
      <c r="D136" s="49"/>
      <c r="E136" s="77"/>
      <c r="F136" s="78"/>
    </row>
    <row r="137" spans="2:6" s="4" customFormat="1" ht="30" customHeight="1" x14ac:dyDescent="0.25">
      <c r="B137" s="55" t="s">
        <v>331</v>
      </c>
      <c r="C137" s="129" t="s">
        <v>332</v>
      </c>
      <c r="D137" s="49"/>
      <c r="E137" s="77"/>
      <c r="F137" s="78"/>
    </row>
    <row r="138" spans="2:6" s="4" customFormat="1" ht="30" customHeight="1" x14ac:dyDescent="0.25">
      <c r="B138" s="55" t="s">
        <v>333</v>
      </c>
      <c r="C138" s="129" t="s">
        <v>327</v>
      </c>
      <c r="D138" s="49"/>
      <c r="E138" s="77"/>
      <c r="F138" s="78"/>
    </row>
    <row r="139" spans="2:6" s="4" customFormat="1" ht="30" customHeight="1" x14ac:dyDescent="0.25">
      <c r="B139" s="56" t="s">
        <v>334</v>
      </c>
      <c r="C139" s="128" t="s">
        <v>335</v>
      </c>
      <c r="D139" s="49" t="s">
        <v>306</v>
      </c>
      <c r="E139" s="77"/>
      <c r="F139" s="78"/>
    </row>
    <row r="140" spans="2:6" s="4" customFormat="1" ht="30" customHeight="1" x14ac:dyDescent="0.25">
      <c r="B140" s="55" t="s">
        <v>336</v>
      </c>
      <c r="C140" s="129" t="s">
        <v>91</v>
      </c>
      <c r="D140" s="49"/>
      <c r="E140" s="77"/>
      <c r="F140" s="78"/>
    </row>
    <row r="141" spans="2:6" s="4" customFormat="1" ht="30" customHeight="1" x14ac:dyDescent="0.25">
      <c r="B141" s="55" t="s">
        <v>337</v>
      </c>
      <c r="C141" s="129" t="s">
        <v>338</v>
      </c>
      <c r="D141" s="49"/>
      <c r="E141" s="77"/>
      <c r="F141" s="78"/>
    </row>
    <row r="142" spans="2:6" s="4" customFormat="1" ht="30" customHeight="1" x14ac:dyDescent="0.25">
      <c r="B142" s="55" t="s">
        <v>339</v>
      </c>
      <c r="C142" s="129" t="s">
        <v>340</v>
      </c>
      <c r="D142" s="49"/>
      <c r="E142" s="77"/>
      <c r="F142" s="78"/>
    </row>
    <row r="143" spans="2:6" s="4" customFormat="1" ht="30" customHeight="1" x14ac:dyDescent="0.25">
      <c r="B143" s="55" t="s">
        <v>341</v>
      </c>
      <c r="C143" s="129" t="s">
        <v>342</v>
      </c>
      <c r="D143" s="49"/>
      <c r="E143" s="77"/>
      <c r="F143" s="78"/>
    </row>
    <row r="144" spans="2:6" s="4" customFormat="1" ht="30" customHeight="1" x14ac:dyDescent="0.25">
      <c r="B144" s="56" t="s">
        <v>343</v>
      </c>
      <c r="C144" s="128" t="s">
        <v>344</v>
      </c>
      <c r="D144" s="49" t="s">
        <v>306</v>
      </c>
      <c r="E144" s="77"/>
      <c r="F144" s="78"/>
    </row>
    <row r="145" spans="2:6" s="4" customFormat="1" ht="30" customHeight="1" x14ac:dyDescent="0.25">
      <c r="B145" s="55" t="s">
        <v>345</v>
      </c>
      <c r="C145" s="129" t="s">
        <v>91</v>
      </c>
      <c r="D145" s="49"/>
      <c r="E145" s="77"/>
      <c r="F145" s="78"/>
    </row>
    <row r="146" spans="2:6" s="4" customFormat="1" ht="30" customHeight="1" x14ac:dyDescent="0.25">
      <c r="B146" s="55" t="s">
        <v>346</v>
      </c>
      <c r="C146" s="129" t="s">
        <v>204</v>
      </c>
      <c r="D146" s="49"/>
      <c r="E146" s="77"/>
      <c r="F146" s="78"/>
    </row>
    <row r="147" spans="2:6" s="4" customFormat="1" ht="30" customHeight="1" x14ac:dyDescent="0.25">
      <c r="B147" s="55" t="s">
        <v>347</v>
      </c>
      <c r="C147" s="129" t="s">
        <v>206</v>
      </c>
      <c r="D147" s="49"/>
      <c r="E147" s="77"/>
      <c r="F147" s="78"/>
    </row>
    <row r="148" spans="2:6" s="4" customFormat="1" ht="30" customHeight="1" x14ac:dyDescent="0.25">
      <c r="B148" s="56" t="s">
        <v>348</v>
      </c>
      <c r="C148" s="128" t="s">
        <v>349</v>
      </c>
      <c r="D148" s="49" t="s">
        <v>306</v>
      </c>
      <c r="E148" s="77"/>
      <c r="F148" s="78"/>
    </row>
    <row r="149" spans="2:6" s="4" customFormat="1" ht="30" customHeight="1" x14ac:dyDescent="0.25">
      <c r="B149" s="55" t="s">
        <v>350</v>
      </c>
      <c r="C149" s="129" t="s">
        <v>91</v>
      </c>
      <c r="D149" s="49"/>
      <c r="E149" s="77"/>
      <c r="F149" s="78"/>
    </row>
    <row r="150" spans="2:6" s="4" customFormat="1" ht="30" customHeight="1" x14ac:dyDescent="0.25">
      <c r="B150" s="55" t="s">
        <v>351</v>
      </c>
      <c r="C150" s="129" t="s">
        <v>210</v>
      </c>
      <c r="D150" s="49"/>
      <c r="E150" s="77"/>
      <c r="F150" s="78"/>
    </row>
    <row r="151" spans="2:6" s="4" customFormat="1" ht="30" customHeight="1" x14ac:dyDescent="0.25">
      <c r="B151" s="55" t="s">
        <v>352</v>
      </c>
      <c r="C151" s="129" t="s">
        <v>212</v>
      </c>
      <c r="D151" s="49"/>
      <c r="E151" s="77"/>
      <c r="F151" s="78"/>
    </row>
    <row r="152" spans="2:6" s="4" customFormat="1" ht="30" customHeight="1" x14ac:dyDescent="0.25">
      <c r="B152" s="56" t="s">
        <v>353</v>
      </c>
      <c r="C152" s="128" t="s">
        <v>354</v>
      </c>
      <c r="D152" s="49" t="s">
        <v>306</v>
      </c>
      <c r="E152" s="77"/>
      <c r="F152" s="78"/>
    </row>
    <row r="153" spans="2:6" s="4" customFormat="1" ht="30" customHeight="1" x14ac:dyDescent="0.25">
      <c r="B153" s="55" t="s">
        <v>355</v>
      </c>
      <c r="C153" s="129" t="s">
        <v>91</v>
      </c>
      <c r="D153" s="49"/>
      <c r="E153" s="77"/>
      <c r="F153" s="78"/>
    </row>
    <row r="154" spans="2:6" s="4" customFormat="1" ht="30" customHeight="1" x14ac:dyDescent="0.25">
      <c r="B154" s="55" t="s">
        <v>356</v>
      </c>
      <c r="C154" s="129" t="s">
        <v>216</v>
      </c>
      <c r="D154" s="49"/>
      <c r="E154" s="77"/>
      <c r="F154" s="78"/>
    </row>
    <row r="155" spans="2:6" s="4" customFormat="1" ht="30" customHeight="1" x14ac:dyDescent="0.25">
      <c r="B155" s="55" t="s">
        <v>357</v>
      </c>
      <c r="C155" s="129" t="s">
        <v>218</v>
      </c>
      <c r="D155" s="49"/>
      <c r="E155" s="77"/>
      <c r="F155" s="78"/>
    </row>
    <row r="156" spans="2:6" s="4" customFormat="1" ht="30" customHeight="1" x14ac:dyDescent="0.25">
      <c r="B156" s="55" t="s">
        <v>358</v>
      </c>
      <c r="C156" s="129" t="s">
        <v>220</v>
      </c>
      <c r="D156" s="49"/>
      <c r="E156" s="77"/>
      <c r="F156" s="78"/>
    </row>
    <row r="157" spans="2:6" s="4" customFormat="1" ht="30" customHeight="1" x14ac:dyDescent="0.25">
      <c r="B157" s="55" t="s">
        <v>359</v>
      </c>
      <c r="C157" s="129" t="s">
        <v>221</v>
      </c>
      <c r="D157" s="49"/>
      <c r="E157" s="77"/>
      <c r="F157" s="78"/>
    </row>
    <row r="158" spans="2:6" s="4" customFormat="1" ht="30" customHeight="1" x14ac:dyDescent="0.25">
      <c r="B158" s="55" t="s">
        <v>360</v>
      </c>
      <c r="C158" s="129" t="s">
        <v>222</v>
      </c>
      <c r="D158" s="49"/>
      <c r="E158" s="77"/>
      <c r="F158" s="78"/>
    </row>
    <row r="159" spans="2:6" s="4" customFormat="1" ht="30" customHeight="1" x14ac:dyDescent="0.25">
      <c r="B159" s="55" t="s">
        <v>361</v>
      </c>
      <c r="C159" s="129" t="s">
        <v>223</v>
      </c>
      <c r="D159" s="49"/>
      <c r="E159" s="77"/>
      <c r="F159" s="78"/>
    </row>
    <row r="160" spans="2:6" s="4" customFormat="1" ht="39.950000000000003" customHeight="1" x14ac:dyDescent="0.25">
      <c r="B160" s="55" t="s">
        <v>362</v>
      </c>
      <c r="C160" s="129" t="s">
        <v>224</v>
      </c>
      <c r="D160" s="49"/>
      <c r="E160" s="77"/>
      <c r="F160" s="78"/>
    </row>
    <row r="161" spans="2:6" s="4" customFormat="1" ht="30" customHeight="1" x14ac:dyDescent="0.25">
      <c r="B161" s="55" t="s">
        <v>363</v>
      </c>
      <c r="C161" s="129" t="s">
        <v>225</v>
      </c>
      <c r="D161" s="49"/>
      <c r="E161" s="77"/>
      <c r="F161" s="78"/>
    </row>
    <row r="162" spans="2:6" s="4" customFormat="1" ht="30" customHeight="1" x14ac:dyDescent="0.25">
      <c r="B162" s="55" t="s">
        <v>364</v>
      </c>
      <c r="C162" s="129" t="s">
        <v>226</v>
      </c>
      <c r="D162" s="49"/>
      <c r="E162" s="77"/>
      <c r="F162" s="78"/>
    </row>
    <row r="163" spans="2:6" s="4" customFormat="1" ht="30" customHeight="1" x14ac:dyDescent="0.25">
      <c r="B163" s="55" t="s">
        <v>365</v>
      </c>
      <c r="C163" s="129" t="s">
        <v>227</v>
      </c>
      <c r="D163" s="49"/>
      <c r="E163" s="77"/>
      <c r="F163" s="78"/>
    </row>
    <row r="164" spans="2:6" s="4" customFormat="1" ht="30" customHeight="1" x14ac:dyDescent="0.25">
      <c r="B164" s="55" t="s">
        <v>366</v>
      </c>
      <c r="C164" s="129" t="s">
        <v>228</v>
      </c>
      <c r="D164" s="49"/>
      <c r="E164" s="77"/>
      <c r="F164" s="78"/>
    </row>
    <row r="165" spans="2:6" s="4" customFormat="1" ht="30" customHeight="1" x14ac:dyDescent="0.25">
      <c r="B165" s="56" t="s">
        <v>367</v>
      </c>
      <c r="C165" s="128" t="s">
        <v>368</v>
      </c>
      <c r="D165" s="49" t="s">
        <v>306</v>
      </c>
      <c r="E165" s="77"/>
      <c r="F165" s="78"/>
    </row>
    <row r="166" spans="2:6" s="4" customFormat="1" ht="30" customHeight="1" x14ac:dyDescent="0.25">
      <c r="B166" s="55" t="s">
        <v>369</v>
      </c>
      <c r="C166" s="129" t="s">
        <v>91</v>
      </c>
      <c r="D166" s="49"/>
      <c r="E166" s="77"/>
      <c r="F166" s="78"/>
    </row>
    <row r="167" spans="2:6" s="4" customFormat="1" ht="39.950000000000003" customHeight="1" x14ac:dyDescent="0.25">
      <c r="B167" s="55" t="s">
        <v>370</v>
      </c>
      <c r="C167" s="129" t="s">
        <v>232</v>
      </c>
      <c r="D167" s="49"/>
      <c r="E167" s="77"/>
      <c r="F167" s="78"/>
    </row>
    <row r="168" spans="2:6" s="4" customFormat="1" ht="30" customHeight="1" x14ac:dyDescent="0.25">
      <c r="B168" s="55" t="s">
        <v>371</v>
      </c>
      <c r="C168" s="129" t="s">
        <v>218</v>
      </c>
      <c r="D168" s="49"/>
      <c r="E168" s="77"/>
      <c r="F168" s="78"/>
    </row>
    <row r="169" spans="2:6" s="4" customFormat="1" ht="30" customHeight="1" x14ac:dyDescent="0.25">
      <c r="B169" s="55" t="s">
        <v>372</v>
      </c>
      <c r="C169" s="129" t="s">
        <v>220</v>
      </c>
      <c r="D169" s="49"/>
      <c r="E169" s="77"/>
      <c r="F169" s="78"/>
    </row>
    <row r="170" spans="2:6" s="4" customFormat="1" ht="30" customHeight="1" x14ac:dyDescent="0.25">
      <c r="B170" s="55" t="s">
        <v>373</v>
      </c>
      <c r="C170" s="129" t="s">
        <v>221</v>
      </c>
      <c r="D170" s="49"/>
      <c r="E170" s="77"/>
      <c r="F170" s="78"/>
    </row>
    <row r="171" spans="2:6" s="4" customFormat="1" ht="30" customHeight="1" x14ac:dyDescent="0.25">
      <c r="B171" s="55" t="s">
        <v>374</v>
      </c>
      <c r="C171" s="129" t="s">
        <v>222</v>
      </c>
      <c r="D171" s="49"/>
      <c r="E171" s="77"/>
      <c r="F171" s="78"/>
    </row>
    <row r="172" spans="2:6" s="4" customFormat="1" ht="30" customHeight="1" x14ac:dyDescent="0.25">
      <c r="B172" s="55" t="s">
        <v>375</v>
      </c>
      <c r="C172" s="129" t="s">
        <v>223</v>
      </c>
      <c r="D172" s="49"/>
      <c r="E172" s="77"/>
      <c r="F172" s="78"/>
    </row>
    <row r="173" spans="2:6" s="4" customFormat="1" ht="39.950000000000003" customHeight="1" x14ac:dyDescent="0.25">
      <c r="B173" s="55" t="s">
        <v>376</v>
      </c>
      <c r="C173" s="129" t="s">
        <v>224</v>
      </c>
      <c r="D173" s="49"/>
      <c r="E173" s="77"/>
      <c r="F173" s="78"/>
    </row>
    <row r="174" spans="2:6" s="4" customFormat="1" ht="30" customHeight="1" x14ac:dyDescent="0.25">
      <c r="B174" s="55" t="s">
        <v>377</v>
      </c>
      <c r="C174" s="129" t="s">
        <v>234</v>
      </c>
      <c r="D174" s="49"/>
      <c r="E174" s="77"/>
      <c r="F174" s="78"/>
    </row>
    <row r="175" spans="2:6" s="4" customFormat="1" ht="30" customHeight="1" x14ac:dyDescent="0.25">
      <c r="B175" s="55" t="s">
        <v>378</v>
      </c>
      <c r="C175" s="129" t="s">
        <v>227</v>
      </c>
      <c r="D175" s="49"/>
      <c r="E175" s="77"/>
      <c r="F175" s="78"/>
    </row>
    <row r="176" spans="2:6" s="4" customFormat="1" ht="30" customHeight="1" x14ac:dyDescent="0.25">
      <c r="B176" s="56" t="s">
        <v>379</v>
      </c>
      <c r="C176" s="128" t="s">
        <v>380</v>
      </c>
      <c r="D176" s="49" t="s">
        <v>306</v>
      </c>
      <c r="E176" s="77"/>
      <c r="F176" s="78"/>
    </row>
    <row r="177" spans="2:6" s="4" customFormat="1" ht="30" customHeight="1" x14ac:dyDescent="0.25">
      <c r="B177" s="55" t="s">
        <v>381</v>
      </c>
      <c r="C177" s="129" t="s">
        <v>91</v>
      </c>
      <c r="D177" s="49"/>
      <c r="E177" s="77"/>
      <c r="F177" s="78"/>
    </row>
    <row r="178" spans="2:6" s="4" customFormat="1" ht="30" customHeight="1" x14ac:dyDescent="0.25">
      <c r="B178" s="55" t="s">
        <v>382</v>
      </c>
      <c r="C178" s="129" t="s">
        <v>238</v>
      </c>
      <c r="D178" s="49"/>
      <c r="E178" s="77"/>
      <c r="F178" s="78"/>
    </row>
    <row r="179" spans="2:6" s="4" customFormat="1" ht="30" customHeight="1" x14ac:dyDescent="0.25">
      <c r="B179" s="55" t="s">
        <v>383</v>
      </c>
      <c r="C179" s="129" t="s">
        <v>240</v>
      </c>
      <c r="D179" s="49"/>
      <c r="E179" s="77"/>
      <c r="F179" s="78"/>
    </row>
    <row r="180" spans="2:6" s="4" customFormat="1" ht="30" customHeight="1" x14ac:dyDescent="0.25">
      <c r="B180" s="55" t="s">
        <v>384</v>
      </c>
      <c r="C180" s="129" t="s">
        <v>241</v>
      </c>
      <c r="D180" s="49"/>
      <c r="E180" s="77"/>
      <c r="F180" s="78"/>
    </row>
    <row r="181" spans="2:6" s="4" customFormat="1" ht="30" customHeight="1" x14ac:dyDescent="0.25">
      <c r="B181" s="55" t="s">
        <v>385</v>
      </c>
      <c r="C181" s="129" t="s">
        <v>242</v>
      </c>
      <c r="D181" s="49"/>
      <c r="E181" s="77"/>
      <c r="F181" s="78"/>
    </row>
    <row r="182" spans="2:6" s="4" customFormat="1" ht="39.950000000000003" customHeight="1" x14ac:dyDescent="0.25">
      <c r="B182" s="55" t="s">
        <v>386</v>
      </c>
      <c r="C182" s="129" t="s">
        <v>243</v>
      </c>
      <c r="D182" s="49"/>
      <c r="E182" s="77"/>
      <c r="F182" s="78"/>
    </row>
    <row r="183" spans="2:6" s="4" customFormat="1" ht="30" customHeight="1" x14ac:dyDescent="0.25">
      <c r="B183" s="55" t="s">
        <v>387</v>
      </c>
      <c r="C183" s="129" t="s">
        <v>244</v>
      </c>
      <c r="D183" s="49"/>
      <c r="E183" s="77"/>
      <c r="F183" s="78"/>
    </row>
    <row r="184" spans="2:6" s="4" customFormat="1" ht="30" customHeight="1" x14ac:dyDescent="0.25">
      <c r="B184" s="55" t="s">
        <v>388</v>
      </c>
      <c r="C184" s="129" t="s">
        <v>245</v>
      </c>
      <c r="D184" s="49"/>
      <c r="E184" s="77"/>
      <c r="F184" s="78"/>
    </row>
    <row r="185" spans="2:6" s="4" customFormat="1" ht="39.950000000000003" customHeight="1" x14ac:dyDescent="0.25">
      <c r="B185" s="55" t="s">
        <v>389</v>
      </c>
      <c r="C185" s="129" t="s">
        <v>246</v>
      </c>
      <c r="D185" s="49"/>
      <c r="E185" s="77"/>
      <c r="F185" s="78"/>
    </row>
    <row r="186" spans="2:6" s="4" customFormat="1" ht="39.75" customHeight="1" x14ac:dyDescent="0.25">
      <c r="B186" s="55" t="s">
        <v>390</v>
      </c>
      <c r="C186" s="129" t="s">
        <v>224</v>
      </c>
      <c r="D186" s="49"/>
      <c r="E186" s="77"/>
      <c r="F186" s="78"/>
    </row>
    <row r="187" spans="2:6" s="4" customFormat="1" ht="42" customHeight="1" x14ac:dyDescent="0.25">
      <c r="B187" s="55" t="s">
        <v>391</v>
      </c>
      <c r="C187" s="129" t="s">
        <v>247</v>
      </c>
      <c r="D187" s="49"/>
      <c r="E187" s="77"/>
      <c r="F187" s="78"/>
    </row>
    <row r="188" spans="2:6" s="4" customFormat="1" ht="30" customHeight="1" x14ac:dyDescent="0.25">
      <c r="B188" s="55" t="s">
        <v>392</v>
      </c>
      <c r="C188" s="129" t="s">
        <v>227</v>
      </c>
      <c r="D188" s="49"/>
      <c r="E188" s="77"/>
      <c r="F188" s="78"/>
    </row>
    <row r="189" spans="2:6" s="4" customFormat="1" ht="39.950000000000003" customHeight="1" x14ac:dyDescent="0.25">
      <c r="B189" s="55" t="s">
        <v>393</v>
      </c>
      <c r="C189" s="129" t="s">
        <v>248</v>
      </c>
      <c r="D189" s="49"/>
      <c r="E189" s="77"/>
      <c r="F189" s="78"/>
    </row>
    <row r="190" spans="2:6" s="4" customFormat="1" ht="30" customHeight="1" x14ac:dyDescent="0.25">
      <c r="B190" s="56" t="s">
        <v>394</v>
      </c>
      <c r="C190" s="128" t="s">
        <v>395</v>
      </c>
      <c r="D190" s="49" t="s">
        <v>306</v>
      </c>
      <c r="E190" s="77"/>
      <c r="F190" s="78"/>
    </row>
    <row r="191" spans="2:6" s="4" customFormat="1" ht="30" customHeight="1" x14ac:dyDescent="0.25">
      <c r="B191" s="55" t="s">
        <v>396</v>
      </c>
      <c r="C191" s="129" t="s">
        <v>251</v>
      </c>
      <c r="D191" s="49"/>
      <c r="E191" s="77"/>
      <c r="F191" s="78"/>
    </row>
    <row r="192" spans="2:6" s="4" customFormat="1" ht="30" customHeight="1" x14ac:dyDescent="0.25">
      <c r="B192" s="55" t="s">
        <v>397</v>
      </c>
      <c r="C192" s="129" t="s">
        <v>253</v>
      </c>
      <c r="D192" s="49"/>
      <c r="E192" s="77"/>
      <c r="F192" s="78"/>
    </row>
    <row r="193" spans="2:6" s="4" customFormat="1" ht="30" customHeight="1" x14ac:dyDescent="0.25">
      <c r="B193" s="55" t="s">
        <v>398</v>
      </c>
      <c r="C193" s="129" t="s">
        <v>399</v>
      </c>
      <c r="D193" s="49"/>
      <c r="E193" s="77"/>
      <c r="F193" s="78"/>
    </row>
    <row r="194" spans="2:6" s="4" customFormat="1" ht="30" customHeight="1" x14ac:dyDescent="0.25">
      <c r="B194" s="56" t="s">
        <v>59</v>
      </c>
      <c r="C194" s="129" t="s">
        <v>255</v>
      </c>
      <c r="D194" s="49"/>
      <c r="E194" s="77"/>
      <c r="F194" s="78"/>
    </row>
    <row r="195" spans="2:6" s="4" customFormat="1" ht="30" customHeight="1" x14ac:dyDescent="0.25">
      <c r="B195" s="56" t="s">
        <v>60</v>
      </c>
      <c r="C195" s="129" t="s">
        <v>256</v>
      </c>
      <c r="D195" s="49"/>
      <c r="E195" s="77"/>
      <c r="F195" s="78"/>
    </row>
    <row r="196" spans="2:6" s="4" customFormat="1" ht="30" customHeight="1" x14ac:dyDescent="0.25">
      <c r="B196" s="56" t="s">
        <v>61</v>
      </c>
      <c r="C196" s="129" t="s">
        <v>257</v>
      </c>
      <c r="D196" s="49"/>
      <c r="E196" s="77"/>
      <c r="F196" s="78"/>
    </row>
    <row r="197" spans="2:6" s="4" customFormat="1" ht="30" customHeight="1" x14ac:dyDescent="0.25">
      <c r="B197" s="56" t="s">
        <v>62</v>
      </c>
      <c r="C197" s="129" t="s">
        <v>258</v>
      </c>
      <c r="D197" s="49"/>
      <c r="E197" s="77"/>
      <c r="F197" s="78"/>
    </row>
    <row r="198" spans="2:6" s="4" customFormat="1" ht="30" customHeight="1" x14ac:dyDescent="0.25">
      <c r="B198" s="56" t="s">
        <v>63</v>
      </c>
      <c r="C198" s="129" t="s">
        <v>259</v>
      </c>
      <c r="D198" s="49"/>
      <c r="E198" s="77"/>
      <c r="F198" s="78"/>
    </row>
    <row r="199" spans="2:6" s="4" customFormat="1" ht="30" customHeight="1" thickBot="1" x14ac:dyDescent="0.3">
      <c r="B199" s="57" t="s">
        <v>71</v>
      </c>
      <c r="C199" s="131" t="s">
        <v>260</v>
      </c>
      <c r="D199" s="69"/>
      <c r="E199" s="126"/>
      <c r="F199" s="127"/>
    </row>
    <row r="200" spans="2:6" s="3" customFormat="1" ht="5.0999999999999996" customHeight="1" x14ac:dyDescent="0.25">
      <c r="B200" s="5"/>
      <c r="C200" s="5"/>
      <c r="D200" s="7"/>
      <c r="E200" s="7"/>
      <c r="F200" s="25"/>
    </row>
    <row r="201" spans="2:6" s="2" customFormat="1" ht="20.100000000000001" customHeight="1" x14ac:dyDescent="0.25">
      <c r="B201" s="93" t="s">
        <v>48</v>
      </c>
      <c r="C201" s="93"/>
      <c r="D201" s="93"/>
      <c r="E201" s="93"/>
      <c r="F201" s="93"/>
    </row>
    <row r="202" spans="2:6" s="2" customFormat="1" ht="5.0999999999999996" customHeight="1" thickBot="1" x14ac:dyDescent="0.3">
      <c r="B202" s="15"/>
      <c r="D202" s="6"/>
      <c r="E202" s="6"/>
      <c r="F202" s="6"/>
    </row>
    <row r="203" spans="2:6" s="3" customFormat="1" ht="69" customHeight="1" x14ac:dyDescent="0.25">
      <c r="B203" s="94" t="s">
        <v>8</v>
      </c>
      <c r="C203" s="95"/>
      <c r="D203" s="81" t="s">
        <v>31</v>
      </c>
      <c r="E203" s="82"/>
      <c r="F203" s="83"/>
    </row>
    <row r="204" spans="2:6" s="3" customFormat="1" ht="30" customHeight="1" thickBot="1" x14ac:dyDescent="0.3">
      <c r="B204" s="96"/>
      <c r="C204" s="97"/>
      <c r="D204" s="23" t="s">
        <v>7</v>
      </c>
      <c r="E204" s="98" t="s">
        <v>32</v>
      </c>
      <c r="F204" s="99"/>
    </row>
    <row r="205" spans="2:6" s="2" customFormat="1" ht="42.75" customHeight="1" x14ac:dyDescent="0.25">
      <c r="B205" s="58" t="s">
        <v>262</v>
      </c>
      <c r="C205" s="26" t="s">
        <v>261</v>
      </c>
      <c r="D205" s="49"/>
      <c r="E205" s="100"/>
      <c r="F205" s="101"/>
    </row>
    <row r="206" spans="2:6" s="2" customFormat="1" ht="42" customHeight="1" x14ac:dyDescent="0.25">
      <c r="B206" s="58" t="s">
        <v>59</v>
      </c>
      <c r="C206" s="26" t="s">
        <v>263</v>
      </c>
      <c r="D206" s="49"/>
      <c r="E206" s="100"/>
      <c r="F206" s="101"/>
    </row>
    <row r="207" spans="2:6" s="2" customFormat="1" ht="24" customHeight="1" x14ac:dyDescent="0.25">
      <c r="B207" s="58" t="s">
        <v>60</v>
      </c>
      <c r="C207" s="26" t="s">
        <v>264</v>
      </c>
      <c r="D207" s="49" t="s">
        <v>306</v>
      </c>
      <c r="E207" s="100"/>
      <c r="F207" s="101"/>
    </row>
    <row r="208" spans="2:6" s="2" customFormat="1" ht="24.75" customHeight="1" x14ac:dyDescent="0.25">
      <c r="B208" s="48" t="s">
        <v>265</v>
      </c>
      <c r="C208" s="26" t="s">
        <v>266</v>
      </c>
      <c r="D208" s="49"/>
      <c r="E208" s="100"/>
      <c r="F208" s="101"/>
    </row>
    <row r="209" spans="2:6" s="2" customFormat="1" ht="30.75" customHeight="1" x14ac:dyDescent="0.25">
      <c r="B209" s="48" t="s">
        <v>268</v>
      </c>
      <c r="C209" s="26" t="s">
        <v>267</v>
      </c>
      <c r="D209" s="49"/>
      <c r="E209" s="100"/>
      <c r="F209" s="101"/>
    </row>
    <row r="210" spans="2:6" s="2" customFormat="1" ht="26.25" customHeight="1" x14ac:dyDescent="0.25">
      <c r="B210" s="48" t="s">
        <v>269</v>
      </c>
      <c r="C210" s="26" t="s">
        <v>272</v>
      </c>
      <c r="D210" s="49"/>
      <c r="E210" s="100"/>
      <c r="F210" s="101"/>
    </row>
    <row r="211" spans="2:6" s="2" customFormat="1" ht="44.25" customHeight="1" x14ac:dyDescent="0.25">
      <c r="B211" s="48" t="s">
        <v>270</v>
      </c>
      <c r="C211" s="26" t="s">
        <v>273</v>
      </c>
      <c r="D211" s="49"/>
      <c r="E211" s="100"/>
      <c r="F211" s="101"/>
    </row>
    <row r="212" spans="2:6" s="2" customFormat="1" ht="120" customHeight="1" x14ac:dyDescent="0.25">
      <c r="B212" s="48" t="s">
        <v>271</v>
      </c>
      <c r="C212" s="26" t="s">
        <v>274</v>
      </c>
      <c r="D212" s="49"/>
      <c r="E212" s="100"/>
      <c r="F212" s="101"/>
    </row>
    <row r="213" spans="2:6" s="2" customFormat="1" ht="122.25" customHeight="1" x14ac:dyDescent="0.25">
      <c r="B213" s="58" t="s">
        <v>61</v>
      </c>
      <c r="C213" s="26" t="s">
        <v>275</v>
      </c>
      <c r="D213" s="49"/>
      <c r="E213" s="100"/>
      <c r="F213" s="101"/>
    </row>
    <row r="214" spans="2:6" s="2" customFormat="1" ht="41.25" customHeight="1" x14ac:dyDescent="0.25">
      <c r="B214" s="58" t="s">
        <v>62</v>
      </c>
      <c r="C214" s="26" t="s">
        <v>276</v>
      </c>
      <c r="D214" s="49"/>
      <c r="E214" s="100"/>
      <c r="F214" s="101"/>
    </row>
    <row r="215" spans="2:6" s="2" customFormat="1" ht="66" customHeight="1" x14ac:dyDescent="0.25">
      <c r="B215" s="58" t="s">
        <v>63</v>
      </c>
      <c r="C215" s="26" t="s">
        <v>277</v>
      </c>
      <c r="D215" s="49"/>
      <c r="E215" s="100"/>
      <c r="F215" s="101"/>
    </row>
    <row r="216" spans="2:6" s="2" customFormat="1" ht="70.5" customHeight="1" x14ac:dyDescent="0.25">
      <c r="B216" s="58" t="s">
        <v>71</v>
      </c>
      <c r="C216" s="26" t="s">
        <v>278</v>
      </c>
      <c r="D216" s="49"/>
      <c r="E216" s="100"/>
      <c r="F216" s="101"/>
    </row>
    <row r="217" spans="2:6" s="2" customFormat="1" ht="99" customHeight="1" x14ac:dyDescent="0.25">
      <c r="B217" s="58" t="s">
        <v>64</v>
      </c>
      <c r="C217" s="26" t="s">
        <v>279</v>
      </c>
      <c r="D217" s="49"/>
      <c r="E217" s="100"/>
      <c r="F217" s="101"/>
    </row>
    <row r="218" spans="2:6" s="2" customFormat="1" ht="30.75" customHeight="1" x14ac:dyDescent="0.25">
      <c r="B218" s="70" t="s">
        <v>65</v>
      </c>
      <c r="C218" s="26" t="s">
        <v>280</v>
      </c>
      <c r="D218" s="49"/>
      <c r="E218" s="100"/>
      <c r="F218" s="101"/>
    </row>
    <row r="219" spans="2:6" s="2" customFormat="1" ht="30.75" customHeight="1" x14ac:dyDescent="0.25">
      <c r="B219" s="71"/>
      <c r="C219" s="26" t="s">
        <v>281</v>
      </c>
      <c r="D219" s="49"/>
      <c r="E219" s="100"/>
      <c r="F219" s="101"/>
    </row>
    <row r="220" spans="2:6" s="2" customFormat="1" ht="47.25" customHeight="1" x14ac:dyDescent="0.25">
      <c r="B220" s="71"/>
      <c r="C220" s="26" t="s">
        <v>282</v>
      </c>
      <c r="D220" s="49"/>
      <c r="E220" s="100"/>
      <c r="F220" s="101"/>
    </row>
    <row r="221" spans="2:6" s="2" customFormat="1" ht="30.75" customHeight="1" x14ac:dyDescent="0.25">
      <c r="B221" s="71"/>
      <c r="C221" s="26" t="s">
        <v>283</v>
      </c>
      <c r="D221" s="49"/>
      <c r="E221" s="100"/>
      <c r="F221" s="101"/>
    </row>
    <row r="222" spans="2:6" s="2" customFormat="1" ht="36" customHeight="1" x14ac:dyDescent="0.25">
      <c r="B222" s="72"/>
      <c r="C222" s="26" t="s">
        <v>284</v>
      </c>
      <c r="D222" s="49"/>
      <c r="E222" s="100"/>
      <c r="F222" s="101"/>
    </row>
    <row r="223" spans="2:6" s="2" customFormat="1" ht="48.75" customHeight="1" x14ac:dyDescent="0.25">
      <c r="B223" s="72"/>
      <c r="C223" s="26" t="s">
        <v>285</v>
      </c>
      <c r="D223" s="49"/>
      <c r="E223" s="100"/>
      <c r="F223" s="101"/>
    </row>
    <row r="224" spans="2:6" s="2" customFormat="1" ht="58.5" customHeight="1" x14ac:dyDescent="0.25">
      <c r="B224" s="73"/>
      <c r="C224" s="26" t="s">
        <v>286</v>
      </c>
      <c r="D224" s="49"/>
      <c r="E224" s="100"/>
      <c r="F224" s="101"/>
    </row>
    <row r="225" spans="2:6" s="2" customFormat="1" ht="114" customHeight="1" x14ac:dyDescent="0.25">
      <c r="B225" s="58" t="s">
        <v>66</v>
      </c>
      <c r="C225" s="26" t="s">
        <v>287</v>
      </c>
      <c r="D225" s="49"/>
      <c r="E225" s="100"/>
      <c r="F225" s="101"/>
    </row>
    <row r="226" spans="2:6" s="2" customFormat="1" ht="171.75" customHeight="1" x14ac:dyDescent="0.25">
      <c r="B226" s="58" t="s">
        <v>67</v>
      </c>
      <c r="C226" s="26" t="s">
        <v>290</v>
      </c>
      <c r="D226" s="49"/>
      <c r="E226" s="100"/>
      <c r="F226" s="101"/>
    </row>
    <row r="227" spans="2:6" s="2" customFormat="1" ht="57.75" customHeight="1" x14ac:dyDescent="0.25">
      <c r="B227" s="48" t="s">
        <v>288</v>
      </c>
      <c r="C227" s="26" t="s">
        <v>289</v>
      </c>
      <c r="D227" s="49"/>
      <c r="E227" s="100"/>
      <c r="F227" s="101"/>
    </row>
    <row r="228" spans="2:6" s="2" customFormat="1" ht="54.75" customHeight="1" x14ac:dyDescent="0.25">
      <c r="B228" s="48" t="s">
        <v>292</v>
      </c>
      <c r="C228" s="26" t="s">
        <v>291</v>
      </c>
      <c r="D228" s="49"/>
      <c r="E228" s="100"/>
      <c r="F228" s="101"/>
    </row>
    <row r="229" spans="2:6" s="2" customFormat="1" ht="127.5" customHeight="1" x14ac:dyDescent="0.25">
      <c r="B229" s="58" t="s">
        <v>72</v>
      </c>
      <c r="C229" s="26" t="s">
        <v>293</v>
      </c>
      <c r="D229" s="49"/>
      <c r="E229" s="100"/>
      <c r="F229" s="101"/>
    </row>
    <row r="230" spans="2:6" s="2" customFormat="1" ht="62.25" customHeight="1" x14ac:dyDescent="0.25">
      <c r="B230" s="48" t="s">
        <v>81</v>
      </c>
      <c r="C230" s="26" t="s">
        <v>294</v>
      </c>
      <c r="D230" s="49"/>
      <c r="E230" s="100"/>
      <c r="F230" s="101"/>
    </row>
    <row r="231" spans="2:6" s="2" customFormat="1" ht="153" x14ac:dyDescent="0.25">
      <c r="B231" s="58" t="s">
        <v>73</v>
      </c>
      <c r="C231" s="26" t="s">
        <v>295</v>
      </c>
      <c r="D231" s="49"/>
      <c r="E231" s="100"/>
      <c r="F231" s="101"/>
    </row>
    <row r="232" spans="2:6" s="2" customFormat="1" ht="102" x14ac:dyDescent="0.25">
      <c r="B232" s="58" t="s">
        <v>68</v>
      </c>
      <c r="C232" s="26" t="s">
        <v>296</v>
      </c>
      <c r="D232" s="49"/>
      <c r="E232" s="100"/>
      <c r="F232" s="101"/>
    </row>
    <row r="233" spans="2:6" s="2" customFormat="1" ht="43.5" customHeight="1" x14ac:dyDescent="0.25">
      <c r="B233" s="58" t="s">
        <v>74</v>
      </c>
      <c r="C233" s="26" t="s">
        <v>82</v>
      </c>
      <c r="D233" s="49"/>
      <c r="E233" s="100"/>
      <c r="F233" s="101"/>
    </row>
    <row r="234" spans="2:6" s="2" customFormat="1" ht="55.5" customHeight="1" x14ac:dyDescent="0.25">
      <c r="B234" s="58" t="s">
        <v>75</v>
      </c>
      <c r="C234" s="26" t="s">
        <v>297</v>
      </c>
      <c r="D234" s="49"/>
      <c r="E234" s="100"/>
      <c r="F234" s="101"/>
    </row>
    <row r="235" spans="2:6" s="2" customFormat="1" ht="78.75" customHeight="1" x14ac:dyDescent="0.25">
      <c r="B235" s="58" t="s">
        <v>76</v>
      </c>
      <c r="C235" s="26" t="s">
        <v>298</v>
      </c>
      <c r="D235" s="49"/>
      <c r="E235" s="100"/>
      <c r="F235" s="101"/>
    </row>
    <row r="236" spans="2:6" s="2" customFormat="1" ht="90.75" customHeight="1" x14ac:dyDescent="0.25">
      <c r="B236" s="58" t="s">
        <v>77</v>
      </c>
      <c r="C236" s="26" t="s">
        <v>299</v>
      </c>
      <c r="D236" s="49"/>
      <c r="E236" s="100"/>
      <c r="F236" s="101"/>
    </row>
    <row r="237" spans="2:6" s="2" customFormat="1" ht="93.75" customHeight="1" x14ac:dyDescent="0.25">
      <c r="B237" s="70" t="s">
        <v>78</v>
      </c>
      <c r="C237" s="26" t="s">
        <v>300</v>
      </c>
      <c r="D237" s="49"/>
      <c r="E237" s="100"/>
      <c r="F237" s="101"/>
    </row>
    <row r="238" spans="2:6" s="2" customFormat="1" ht="104.25" customHeight="1" x14ac:dyDescent="0.25">
      <c r="B238" s="74"/>
      <c r="C238" s="26" t="s">
        <v>301</v>
      </c>
      <c r="D238" s="49"/>
      <c r="E238" s="100"/>
      <c r="F238" s="101"/>
    </row>
    <row r="239" spans="2:6" s="2" customFormat="1" ht="132.75" customHeight="1" x14ac:dyDescent="0.25">
      <c r="B239" s="58" t="s">
        <v>79</v>
      </c>
      <c r="C239" s="26" t="s">
        <v>302</v>
      </c>
      <c r="D239" s="49"/>
      <c r="E239" s="100"/>
      <c r="F239" s="101"/>
    </row>
    <row r="240" spans="2:6" s="2" customFormat="1" ht="53.25" customHeight="1" thickBot="1" x14ac:dyDescent="0.3">
      <c r="B240" s="75" t="s">
        <v>80</v>
      </c>
      <c r="C240" s="76" t="s">
        <v>303</v>
      </c>
      <c r="D240" s="69"/>
      <c r="E240" s="91"/>
      <c r="F240" s="92"/>
    </row>
    <row r="241" spans="2:7" s="3" customFormat="1" ht="5.0999999999999996" customHeight="1" x14ac:dyDescent="0.25">
      <c r="B241" s="5"/>
      <c r="C241" s="5"/>
      <c r="D241" s="7"/>
      <c r="E241" s="7"/>
      <c r="F241" s="25"/>
      <c r="G241" s="2"/>
    </row>
    <row r="242" spans="2:7" s="2" customFormat="1" ht="20.100000000000001" customHeight="1" x14ac:dyDescent="0.25">
      <c r="B242" s="93" t="s">
        <v>55</v>
      </c>
      <c r="C242" s="93"/>
      <c r="D242" s="93"/>
      <c r="E242" s="93"/>
      <c r="F242" s="93"/>
    </row>
    <row r="243" spans="2:7" s="2" customFormat="1" ht="4.5" customHeight="1" thickBot="1" x14ac:dyDescent="0.3"/>
    <row r="244" spans="2:7" s="2" customFormat="1" ht="80.25" customHeight="1" x14ac:dyDescent="0.25">
      <c r="B244" s="94" t="s">
        <v>56</v>
      </c>
      <c r="C244" s="95"/>
      <c r="D244" s="81" t="s">
        <v>57</v>
      </c>
      <c r="E244" s="82"/>
      <c r="F244" s="83"/>
    </row>
    <row r="245" spans="2:7" s="3" customFormat="1" ht="29.25" customHeight="1" thickBot="1" x14ac:dyDescent="0.3">
      <c r="B245" s="96"/>
      <c r="C245" s="97"/>
      <c r="D245" s="23" t="s">
        <v>7</v>
      </c>
      <c r="E245" s="98" t="s">
        <v>32</v>
      </c>
      <c r="F245" s="99"/>
      <c r="G245" s="2"/>
    </row>
    <row r="246" spans="2:7" s="3" customFormat="1" ht="27" customHeight="1" x14ac:dyDescent="0.25">
      <c r="B246" s="50" t="s">
        <v>16</v>
      </c>
      <c r="C246" s="51" t="s">
        <v>70</v>
      </c>
      <c r="D246" s="52"/>
      <c r="E246" s="104"/>
      <c r="F246" s="105"/>
      <c r="G246" s="2"/>
    </row>
    <row r="247" spans="2:7" s="3" customFormat="1" ht="30.75" customHeight="1" thickBot="1" x14ac:dyDescent="0.3">
      <c r="B247" s="53" t="s">
        <v>59</v>
      </c>
      <c r="C247" s="61" t="s">
        <v>58</v>
      </c>
      <c r="D247" s="54"/>
      <c r="E247" s="91"/>
      <c r="F247" s="92"/>
      <c r="G247" s="2"/>
    </row>
    <row r="248" spans="2:7" s="2" customFormat="1" ht="5.0999999999999996" customHeight="1" x14ac:dyDescent="0.25">
      <c r="B248" s="5"/>
      <c r="C248" s="5"/>
      <c r="D248" s="7"/>
      <c r="E248" s="7"/>
      <c r="F248" s="25"/>
    </row>
    <row r="249" spans="2:7" s="2" customFormat="1" ht="20.100000000000001" customHeight="1" x14ac:dyDescent="0.25">
      <c r="B249" s="93" t="s">
        <v>15</v>
      </c>
      <c r="C249" s="93"/>
      <c r="D249" s="93"/>
      <c r="E249" s="93"/>
      <c r="F249" s="93"/>
    </row>
    <row r="250" spans="2:7" s="3" customFormat="1" ht="30" customHeight="1" x14ac:dyDescent="0.25">
      <c r="B250" s="5" t="s">
        <v>17</v>
      </c>
      <c r="C250" s="113" t="s">
        <v>49</v>
      </c>
      <c r="D250" s="113"/>
      <c r="E250" s="113"/>
      <c r="F250" s="113"/>
      <c r="G250" s="2"/>
    </row>
    <row r="251" spans="2:7" s="28" customFormat="1" ht="30" customHeight="1" x14ac:dyDescent="0.25">
      <c r="B251" s="5" t="s">
        <v>33</v>
      </c>
      <c r="C251" s="113" t="s">
        <v>34</v>
      </c>
      <c r="D251" s="113"/>
      <c r="E251" s="113"/>
      <c r="F251" s="113"/>
      <c r="G251" s="2"/>
    </row>
    <row r="252" spans="2:7" s="28" customFormat="1" ht="30" customHeight="1" x14ac:dyDescent="0.25">
      <c r="B252" s="114" t="s">
        <v>35</v>
      </c>
      <c r="C252" s="114"/>
      <c r="D252" s="114"/>
      <c r="E252" s="114"/>
      <c r="F252" s="3"/>
      <c r="G252" s="2"/>
    </row>
    <row r="253" spans="2:7" s="2" customFormat="1" ht="24.95" customHeight="1" x14ac:dyDescent="0.25">
      <c r="B253" s="27" t="s">
        <v>36</v>
      </c>
      <c r="C253" s="111"/>
      <c r="D253" s="111"/>
      <c r="F253" s="28"/>
    </row>
    <row r="254" spans="2:7" s="2" customFormat="1" ht="24.95" customHeight="1" x14ac:dyDescent="0.25">
      <c r="B254" s="27" t="s">
        <v>37</v>
      </c>
      <c r="C254" s="111"/>
      <c r="D254" s="111"/>
      <c r="F254" s="28"/>
    </row>
    <row r="255" spans="2:7" s="2" customFormat="1" ht="24.95" customHeight="1" x14ac:dyDescent="0.25">
      <c r="B255" s="27" t="s">
        <v>38</v>
      </c>
      <c r="C255" s="111"/>
      <c r="D255" s="111"/>
      <c r="F255" s="28"/>
    </row>
    <row r="256" spans="2:7" s="3" customFormat="1" ht="24.95" customHeight="1" x14ac:dyDescent="0.25">
      <c r="B256" s="27" t="s">
        <v>39</v>
      </c>
      <c r="C256" s="111"/>
      <c r="D256" s="111"/>
      <c r="E256" s="2"/>
      <c r="F256" s="29"/>
      <c r="G256" s="2"/>
    </row>
    <row r="257" spans="2:6" s="2" customFormat="1" ht="14.25" customHeight="1" x14ac:dyDescent="0.2">
      <c r="B257" s="11"/>
      <c r="C257" s="12"/>
      <c r="D257" s="12"/>
      <c r="F257" s="30"/>
    </row>
    <row r="258" spans="2:6" s="3" customFormat="1" ht="15" customHeight="1" x14ac:dyDescent="0.25">
      <c r="B258" s="115" t="s">
        <v>40</v>
      </c>
      <c r="C258" s="115"/>
      <c r="D258" s="115"/>
      <c r="E258" s="115"/>
      <c r="F258" s="115"/>
    </row>
    <row r="259" spans="2:6" s="2" customFormat="1" ht="36.75" customHeight="1" x14ac:dyDescent="0.25">
      <c r="B259" s="112" t="s">
        <v>52</v>
      </c>
      <c r="C259" s="112"/>
      <c r="D259" s="112"/>
      <c r="E259" s="112"/>
      <c r="F259" s="112"/>
    </row>
    <row r="260" spans="2:6" s="2" customFormat="1" ht="20.100000000000001" customHeight="1" x14ac:dyDescent="0.2">
      <c r="B260" s="1"/>
      <c r="C260" s="1"/>
      <c r="D260" s="8"/>
      <c r="E260" s="8"/>
    </row>
    <row r="261" spans="2:6" s="3" customFormat="1" ht="4.5" customHeight="1" x14ac:dyDescent="0.2">
      <c r="B261" s="1"/>
      <c r="C261" s="1"/>
      <c r="D261" s="8"/>
      <c r="E261" s="8"/>
      <c r="F261" s="2"/>
    </row>
    <row r="262" spans="2:6" s="3" customFormat="1" ht="20.100000000000001" customHeight="1" x14ac:dyDescent="0.25">
      <c r="B262" s="31" t="s">
        <v>41</v>
      </c>
      <c r="C262" s="32"/>
      <c r="D262" s="33" t="s">
        <v>42</v>
      </c>
      <c r="E262" s="109"/>
      <c r="F262" s="109"/>
    </row>
    <row r="263" spans="2:6" s="3" customFormat="1" ht="20.100000000000001" customHeight="1" x14ac:dyDescent="0.25">
      <c r="B263" s="34"/>
      <c r="C263" s="34"/>
      <c r="D263" s="34"/>
      <c r="E263" s="35"/>
      <c r="F263" s="35"/>
    </row>
    <row r="264" spans="2:6" ht="20.100000000000001" customHeight="1" x14ac:dyDescent="0.2">
      <c r="B264" s="31" t="s">
        <v>43</v>
      </c>
      <c r="C264" s="32"/>
      <c r="D264" s="36" t="s">
        <v>44</v>
      </c>
      <c r="E264" s="110"/>
      <c r="F264" s="110"/>
    </row>
    <row r="265" spans="2:6" s="2" customFormat="1" ht="20.100000000000001" customHeight="1" x14ac:dyDescent="0.2">
      <c r="B265" s="1"/>
      <c r="C265" s="1"/>
      <c r="D265" s="36" t="s">
        <v>45</v>
      </c>
      <c r="E265" s="111"/>
      <c r="F265" s="111"/>
    </row>
    <row r="266" spans="2:6" s="2" customFormat="1" ht="20.100000000000001" customHeight="1" x14ac:dyDescent="0.2">
      <c r="B266" s="1"/>
      <c r="C266" s="1"/>
      <c r="D266" s="37" t="s">
        <v>46</v>
      </c>
      <c r="E266" s="1"/>
    </row>
    <row r="267" spans="2:6" s="2" customFormat="1" ht="37.5" customHeight="1" x14ac:dyDescent="0.25"/>
    <row r="268" spans="2:6" s="2" customFormat="1" ht="24" customHeight="1" x14ac:dyDescent="0.25"/>
    <row r="269" spans="2:6" s="2" customFormat="1" ht="24" customHeight="1" x14ac:dyDescent="0.25"/>
    <row r="270" spans="2:6" s="2" customFormat="1" ht="24" customHeight="1" x14ac:dyDescent="0.25"/>
    <row r="271" spans="2:6" s="2" customFormat="1" ht="20.100000000000001" customHeight="1" x14ac:dyDescent="0.25"/>
    <row r="272" spans="2:6" s="2" customFormat="1" ht="20.100000000000001" customHeight="1" x14ac:dyDescent="0.25"/>
    <row r="273" spans="2:5" s="2" customFormat="1" ht="50.1" customHeight="1" x14ac:dyDescent="0.25"/>
    <row r="274" spans="2:5" s="2" customFormat="1" ht="43.5" customHeight="1" x14ac:dyDescent="0.25"/>
    <row r="275" spans="2:5" ht="24.75" customHeight="1" x14ac:dyDescent="0.2">
      <c r="B275" s="2"/>
      <c r="C275" s="2"/>
      <c r="D275" s="2"/>
      <c r="E275" s="2"/>
    </row>
    <row r="276" spans="2:5" x14ac:dyDescent="0.2">
      <c r="B276" s="2"/>
      <c r="C276" s="2"/>
      <c r="D276" s="2"/>
      <c r="E276" s="2"/>
    </row>
    <row r="277" spans="2:5" ht="20.100000000000001" customHeight="1" x14ac:dyDescent="0.2"/>
    <row r="278" spans="2:5" ht="4.5" customHeight="1" x14ac:dyDescent="0.2"/>
    <row r="279" spans="2:5" ht="20.100000000000001" customHeight="1" x14ac:dyDescent="0.2"/>
    <row r="280" spans="2:5" ht="20.100000000000001" customHeight="1" x14ac:dyDescent="0.2"/>
    <row r="281" spans="2:5" ht="20.100000000000001" customHeight="1" x14ac:dyDescent="0.2"/>
  </sheetData>
  <mergeCells count="246">
    <mergeCell ref="E157:F157"/>
    <mergeCell ref="E158:F158"/>
    <mergeCell ref="E159:F159"/>
    <mergeCell ref="E160:F160"/>
    <mergeCell ref="E161:F161"/>
    <mergeCell ref="E162:F162"/>
    <mergeCell ref="E163:F163"/>
    <mergeCell ref="E190:F190"/>
    <mergeCell ref="E191:F191"/>
    <mergeCell ref="E148:F148"/>
    <mergeCell ref="E149:F149"/>
    <mergeCell ref="E150:F150"/>
    <mergeCell ref="E151:F151"/>
    <mergeCell ref="E152:F152"/>
    <mergeCell ref="E153:F153"/>
    <mergeCell ref="E154:F154"/>
    <mergeCell ref="E155:F155"/>
    <mergeCell ref="E156:F156"/>
    <mergeCell ref="E139:F139"/>
    <mergeCell ref="E140:F140"/>
    <mergeCell ref="E141:F141"/>
    <mergeCell ref="E142:F142"/>
    <mergeCell ref="E143:F143"/>
    <mergeCell ref="E144:F144"/>
    <mergeCell ref="E145:F145"/>
    <mergeCell ref="E146:F146"/>
    <mergeCell ref="E147:F147"/>
    <mergeCell ref="E130:F130"/>
    <mergeCell ref="E131:F131"/>
    <mergeCell ref="E132:F132"/>
    <mergeCell ref="E133:F133"/>
    <mergeCell ref="E134:F134"/>
    <mergeCell ref="E135:F135"/>
    <mergeCell ref="E136:F136"/>
    <mergeCell ref="E137:F137"/>
    <mergeCell ref="E138:F138"/>
    <mergeCell ref="E121:F121"/>
    <mergeCell ref="E122:F122"/>
    <mergeCell ref="E123:F123"/>
    <mergeCell ref="E124:F124"/>
    <mergeCell ref="E125:F125"/>
    <mergeCell ref="E126:F126"/>
    <mergeCell ref="E127:F127"/>
    <mergeCell ref="E128:F128"/>
    <mergeCell ref="E129:F129"/>
    <mergeCell ref="E104:F104"/>
    <mergeCell ref="E105:F105"/>
    <mergeCell ref="E106:F106"/>
    <mergeCell ref="E107:F107"/>
    <mergeCell ref="E108:F108"/>
    <mergeCell ref="E109:F109"/>
    <mergeCell ref="E110:F110"/>
    <mergeCell ref="E111:F111"/>
    <mergeCell ref="E112:F112"/>
    <mergeCell ref="E113:F113"/>
    <mergeCell ref="E114:F114"/>
    <mergeCell ref="E115:F115"/>
    <mergeCell ref="E116:F116"/>
    <mergeCell ref="E117:F117"/>
    <mergeCell ref="E118:F118"/>
    <mergeCell ref="E119:F119"/>
    <mergeCell ref="E120:F120"/>
    <mergeCell ref="E232:F232"/>
    <mergeCell ref="E233:F233"/>
    <mergeCell ref="E234:F234"/>
    <mergeCell ref="E235:F235"/>
    <mergeCell ref="E236:F236"/>
    <mergeCell ref="E237:F237"/>
    <mergeCell ref="E238:F238"/>
    <mergeCell ref="E239:F239"/>
    <mergeCell ref="E240:F240"/>
    <mergeCell ref="E223:F223"/>
    <mergeCell ref="E224:F224"/>
    <mergeCell ref="E225:F225"/>
    <mergeCell ref="E226:F226"/>
    <mergeCell ref="E227:F227"/>
    <mergeCell ref="E228:F228"/>
    <mergeCell ref="E229:F229"/>
    <mergeCell ref="E230:F230"/>
    <mergeCell ref="E231:F231"/>
    <mergeCell ref="E215:F215"/>
    <mergeCell ref="E216:F216"/>
    <mergeCell ref="E217:F217"/>
    <mergeCell ref="E218:F218"/>
    <mergeCell ref="E219:F219"/>
    <mergeCell ref="E220:F220"/>
    <mergeCell ref="E221:F221"/>
    <mergeCell ref="E222:F222"/>
    <mergeCell ref="E183:F183"/>
    <mergeCell ref="E181:F181"/>
    <mergeCell ref="E182:F182"/>
    <mergeCell ref="E184:F184"/>
    <mergeCell ref="E185:F185"/>
    <mergeCell ref="E186:F186"/>
    <mergeCell ref="E187:F187"/>
    <mergeCell ref="E188:F188"/>
    <mergeCell ref="E193:F193"/>
    <mergeCell ref="E194:F194"/>
    <mergeCell ref="E195:F195"/>
    <mergeCell ref="E196:F196"/>
    <mergeCell ref="E197:F197"/>
    <mergeCell ref="E198:F198"/>
    <mergeCell ref="E199:F199"/>
    <mergeCell ref="E192:F192"/>
    <mergeCell ref="E179:F179"/>
    <mergeCell ref="E180:F180"/>
    <mergeCell ref="E173:F173"/>
    <mergeCell ref="E174:F174"/>
    <mergeCell ref="E175:F175"/>
    <mergeCell ref="E176:F176"/>
    <mergeCell ref="E177:F177"/>
    <mergeCell ref="E189:F189"/>
    <mergeCell ref="E164:F164"/>
    <mergeCell ref="E165:F165"/>
    <mergeCell ref="E166:F166"/>
    <mergeCell ref="E168:F168"/>
    <mergeCell ref="E169:F169"/>
    <mergeCell ref="E170:F170"/>
    <mergeCell ref="E171:F171"/>
    <mergeCell ref="E172:F172"/>
    <mergeCell ref="E178:F178"/>
    <mergeCell ref="E167:F167"/>
    <mergeCell ref="E93:F93"/>
    <mergeCell ref="E94:F94"/>
    <mergeCell ref="E95:F95"/>
    <mergeCell ref="E96:F96"/>
    <mergeCell ref="E97:F97"/>
    <mergeCell ref="E98:F98"/>
    <mergeCell ref="E99:F99"/>
    <mergeCell ref="E102:F102"/>
    <mergeCell ref="E103:F103"/>
    <mergeCell ref="B8:F8"/>
    <mergeCell ref="B9:F9"/>
    <mergeCell ref="B11:F11"/>
    <mergeCell ref="B12:D12"/>
    <mergeCell ref="E205:F205"/>
    <mergeCell ref="E40:F40"/>
    <mergeCell ref="B38:F38"/>
    <mergeCell ref="E39:F39"/>
    <mergeCell ref="E87:F87"/>
    <mergeCell ref="E100:F100"/>
    <mergeCell ref="E101:F101"/>
    <mergeCell ref="C28:D28"/>
    <mergeCell ref="B13:D13"/>
    <mergeCell ref="B34:F34"/>
    <mergeCell ref="B36:C37"/>
    <mergeCell ref="E41:F41"/>
    <mergeCell ref="E42:F42"/>
    <mergeCell ref="E43:F43"/>
    <mergeCell ref="B19:F19"/>
    <mergeCell ref="B20:D20"/>
    <mergeCell ref="E51:F51"/>
    <mergeCell ref="E88:F88"/>
    <mergeCell ref="E89:F89"/>
    <mergeCell ref="E90:F90"/>
    <mergeCell ref="E262:F262"/>
    <mergeCell ref="E264:F264"/>
    <mergeCell ref="E265:F265"/>
    <mergeCell ref="B259:F259"/>
    <mergeCell ref="B249:F249"/>
    <mergeCell ref="C250:F250"/>
    <mergeCell ref="C251:F251"/>
    <mergeCell ref="B252:E252"/>
    <mergeCell ref="B258:F258"/>
    <mergeCell ref="C253:D253"/>
    <mergeCell ref="C254:D254"/>
    <mergeCell ref="C255:D255"/>
    <mergeCell ref="C256:D256"/>
    <mergeCell ref="B2:F2"/>
    <mergeCell ref="B1:F1"/>
    <mergeCell ref="B23:C23"/>
    <mergeCell ref="B26:C26"/>
    <mergeCell ref="E246:F246"/>
    <mergeCell ref="E208:F208"/>
    <mergeCell ref="E209:F209"/>
    <mergeCell ref="E210:F210"/>
    <mergeCell ref="E211:F211"/>
    <mergeCell ref="E212:F212"/>
    <mergeCell ref="E213:F213"/>
    <mergeCell ref="E214:F214"/>
    <mergeCell ref="E207:F207"/>
    <mergeCell ref="B201:F201"/>
    <mergeCell ref="B203:C204"/>
    <mergeCell ref="D203:F203"/>
    <mergeCell ref="E204:F204"/>
    <mergeCell ref="E46:F46"/>
    <mergeCell ref="B21:F21"/>
    <mergeCell ref="B16:D16"/>
    <mergeCell ref="B17:D17"/>
    <mergeCell ref="B18:F18"/>
    <mergeCell ref="B3:F3"/>
    <mergeCell ref="B7:F7"/>
    <mergeCell ref="E247:F247"/>
    <mergeCell ref="B242:F242"/>
    <mergeCell ref="B244:C245"/>
    <mergeCell ref="D244:F244"/>
    <mergeCell ref="E245:F245"/>
    <mergeCell ref="E49:F49"/>
    <mergeCell ref="E50:F50"/>
    <mergeCell ref="E206:F206"/>
    <mergeCell ref="E53:F53"/>
    <mergeCell ref="E54:F54"/>
    <mergeCell ref="E55:F55"/>
    <mergeCell ref="E56:F56"/>
    <mergeCell ref="E61:F61"/>
    <mergeCell ref="E57:F57"/>
    <mergeCell ref="E58:F58"/>
    <mergeCell ref="E59:F59"/>
    <mergeCell ref="E60:F60"/>
    <mergeCell ref="E62:F62"/>
    <mergeCell ref="E63:F63"/>
    <mergeCell ref="E64:F64"/>
    <mergeCell ref="E65:F65"/>
    <mergeCell ref="E66:F66"/>
    <mergeCell ref="E67:F67"/>
    <mergeCell ref="E91:F91"/>
    <mergeCell ref="E52:F52"/>
    <mergeCell ref="E44:F44"/>
    <mergeCell ref="E45:F45"/>
    <mergeCell ref="E47:F47"/>
    <mergeCell ref="E48:F48"/>
    <mergeCell ref="D36:F36"/>
    <mergeCell ref="E37:F37"/>
    <mergeCell ref="B22:F22"/>
    <mergeCell ref="C27:D27"/>
    <mergeCell ref="B30:C30"/>
    <mergeCell ref="E92:F92"/>
    <mergeCell ref="E68:F68"/>
    <mergeCell ref="E69:F69"/>
    <mergeCell ref="E70:F70"/>
    <mergeCell ref="E85:F85"/>
    <mergeCell ref="E86:F86"/>
    <mergeCell ref="E80:F80"/>
    <mergeCell ref="E81:F81"/>
    <mergeCell ref="E82:F82"/>
    <mergeCell ref="E83:F83"/>
    <mergeCell ref="E84:F84"/>
    <mergeCell ref="E71:F71"/>
    <mergeCell ref="E72:F72"/>
    <mergeCell ref="E73:F73"/>
    <mergeCell ref="E74:F74"/>
    <mergeCell ref="E75:F75"/>
    <mergeCell ref="E76:F76"/>
    <mergeCell ref="E77:F77"/>
    <mergeCell ref="E78:F78"/>
    <mergeCell ref="E79:F79"/>
  </mergeCells>
  <conditionalFormatting sqref="D46 D214:D216 D218:D240 D49:D51 D53:D68 D70:D86">
    <cfRule type="containsBlanks" dxfId="99" priority="117">
      <formula>LEN(TRIM(D46))=0</formula>
    </cfRule>
  </conditionalFormatting>
  <conditionalFormatting sqref="E264:F264">
    <cfRule type="containsBlanks" dxfId="98" priority="116">
      <formula>LEN(TRIM(E264))=0</formula>
    </cfRule>
  </conditionalFormatting>
  <conditionalFormatting sqref="C262">
    <cfRule type="containsBlanks" dxfId="97" priority="114">
      <formula>LEN(TRIM(C262))=0</formula>
    </cfRule>
  </conditionalFormatting>
  <conditionalFormatting sqref="E265:F265">
    <cfRule type="containsBlanks" dxfId="96" priority="115">
      <formula>LEN(TRIM(E265))=0</formula>
    </cfRule>
  </conditionalFormatting>
  <conditionalFormatting sqref="C264">
    <cfRule type="containsBlanks" dxfId="95" priority="113">
      <formula>LEN(TRIM(C264))=0</formula>
    </cfRule>
  </conditionalFormatting>
  <conditionalFormatting sqref="C4:C5">
    <cfRule type="containsBlanks" dxfId="94" priority="112">
      <formula>LEN(TRIM(C4))=0</formula>
    </cfRule>
  </conditionalFormatting>
  <conditionalFormatting sqref="D39">
    <cfRule type="containsBlanks" dxfId="93" priority="111">
      <formula>LEN(TRIM(D39))=0</formula>
    </cfRule>
  </conditionalFormatting>
  <conditionalFormatting sqref="D246">
    <cfRule type="containsBlanks" dxfId="92" priority="106">
      <formula>LEN(TRIM(D246))=0</formula>
    </cfRule>
  </conditionalFormatting>
  <conditionalFormatting sqref="C255:D255">
    <cfRule type="containsBlanks" dxfId="91" priority="102">
      <formula>LEN(TRIM(C255))=0</formula>
    </cfRule>
  </conditionalFormatting>
  <conditionalFormatting sqref="D43">
    <cfRule type="containsBlanks" dxfId="90" priority="87">
      <formula>LEN(TRIM(D43))=0</formula>
    </cfRule>
  </conditionalFormatting>
  <conditionalFormatting sqref="D44">
    <cfRule type="containsBlanks" dxfId="89" priority="86">
      <formula>LEN(TRIM(D44))=0</formula>
    </cfRule>
  </conditionalFormatting>
  <conditionalFormatting sqref="D45">
    <cfRule type="containsBlanks" dxfId="88" priority="85">
      <formula>LEN(TRIM(D45))=0</formula>
    </cfRule>
  </conditionalFormatting>
  <conditionalFormatting sqref="D42">
    <cfRule type="containsBlanks" dxfId="87" priority="83">
      <formula>LEN(TRIM(D42))=0</formula>
    </cfRule>
  </conditionalFormatting>
  <conditionalFormatting sqref="D47">
    <cfRule type="containsBlanks" dxfId="86" priority="82">
      <formula>LEN(TRIM(D47))=0</formula>
    </cfRule>
  </conditionalFormatting>
  <conditionalFormatting sqref="D40:D41">
    <cfRule type="containsBlanks" dxfId="85" priority="84">
      <formula>LEN(TRIM(D40))=0</formula>
    </cfRule>
  </conditionalFormatting>
  <conditionalFormatting sqref="D48">
    <cfRule type="containsBlanks" dxfId="84" priority="80">
      <formula>LEN(TRIM(D48))=0</formula>
    </cfRule>
  </conditionalFormatting>
  <conditionalFormatting sqref="D101">
    <cfRule type="containsBlanks" dxfId="83" priority="61">
      <formula>LEN(TRIM(D101))=0</formula>
    </cfRule>
  </conditionalFormatting>
  <conditionalFormatting sqref="D102">
    <cfRule type="containsBlanks" dxfId="82" priority="65">
      <formula>LEN(TRIM(D102))=0</formula>
    </cfRule>
  </conditionalFormatting>
  <conditionalFormatting sqref="D88:D96 D98:D99">
    <cfRule type="containsBlanks" dxfId="81" priority="58">
      <formula>LEN(TRIM(D88))=0</formula>
    </cfRule>
  </conditionalFormatting>
  <conditionalFormatting sqref="D100">
    <cfRule type="containsBlanks" dxfId="80" priority="57">
      <formula>LEN(TRIM(D100))=0</formula>
    </cfRule>
  </conditionalFormatting>
  <conditionalFormatting sqref="C254:D254">
    <cfRule type="containsBlanks" dxfId="79" priority="53">
      <formula>LEN(TRIM(C254))=0</formula>
    </cfRule>
  </conditionalFormatting>
  <conditionalFormatting sqref="C253:D253">
    <cfRule type="containsBlanks" dxfId="78" priority="52">
      <formula>LEN(TRIM(C253))=0</formula>
    </cfRule>
  </conditionalFormatting>
  <conditionalFormatting sqref="C256:D256">
    <cfRule type="containsBlanks" dxfId="77" priority="51">
      <formula>LEN(TRIM(C256))=0</formula>
    </cfRule>
  </conditionalFormatting>
  <conditionalFormatting sqref="D69">
    <cfRule type="containsBlanks" dxfId="73" priority="47">
      <formula>LEN(TRIM(D69))=0</formula>
    </cfRule>
  </conditionalFormatting>
  <conditionalFormatting sqref="D205:D213">
    <cfRule type="containsBlanks" dxfId="72" priority="46">
      <formula>LEN(TRIM(D205))=0</formula>
    </cfRule>
  </conditionalFormatting>
  <conditionalFormatting sqref="D247">
    <cfRule type="containsBlanks" dxfId="71" priority="44">
      <formula>LEN(TRIM(D247))=0</formula>
    </cfRule>
  </conditionalFormatting>
  <conditionalFormatting sqref="D217">
    <cfRule type="containsBlanks" dxfId="70" priority="43">
      <formula>LEN(TRIM(D217))=0</formula>
    </cfRule>
  </conditionalFormatting>
  <conditionalFormatting sqref="D87">
    <cfRule type="containsBlanks" dxfId="68" priority="39">
      <formula>LEN(TRIM(D87))=0</formula>
    </cfRule>
  </conditionalFormatting>
  <conditionalFormatting sqref="D97">
    <cfRule type="containsBlanks" dxfId="67" priority="38">
      <formula>LEN(TRIM(D97))=0</formula>
    </cfRule>
  </conditionalFormatting>
  <conditionalFormatting sqref="D103">
    <cfRule type="containsBlanks" dxfId="66" priority="37">
      <formula>LEN(TRIM(D103))=0</formula>
    </cfRule>
  </conditionalFormatting>
  <conditionalFormatting sqref="D104:D107">
    <cfRule type="containsBlanks" dxfId="59" priority="30">
      <formula>LEN(TRIM(D104))=0</formula>
    </cfRule>
  </conditionalFormatting>
  <conditionalFormatting sqref="D109">
    <cfRule type="containsBlanks" dxfId="57" priority="29">
      <formula>LEN(TRIM(D109))=0</formula>
    </cfRule>
  </conditionalFormatting>
  <conditionalFormatting sqref="D110:D112">
    <cfRule type="containsBlanks" dxfId="55" priority="28">
      <formula>LEN(TRIM(D110))=0</formula>
    </cfRule>
  </conditionalFormatting>
  <conditionalFormatting sqref="D108">
    <cfRule type="containsBlanks" dxfId="53" priority="27">
      <formula>LEN(TRIM(D108))=0</formula>
    </cfRule>
  </conditionalFormatting>
  <conditionalFormatting sqref="D113">
    <cfRule type="containsBlanks" dxfId="51" priority="26">
      <formula>LEN(TRIM(D113))=0</formula>
    </cfRule>
  </conditionalFormatting>
  <conditionalFormatting sqref="D118">
    <cfRule type="containsBlanks" dxfId="49" priority="25">
      <formula>LEN(TRIM(D118))=0</formula>
    </cfRule>
  </conditionalFormatting>
  <conditionalFormatting sqref="D123">
    <cfRule type="containsBlanks" dxfId="47" priority="24">
      <formula>LEN(TRIM(D123))=0</formula>
    </cfRule>
  </conditionalFormatting>
  <conditionalFormatting sqref="D127">
    <cfRule type="containsBlanks" dxfId="45" priority="23">
      <formula>LEN(TRIM(D127))=0</formula>
    </cfRule>
  </conditionalFormatting>
  <conditionalFormatting sqref="D131">
    <cfRule type="containsBlanks" dxfId="43" priority="22">
      <formula>LEN(TRIM(D131))=0</formula>
    </cfRule>
  </conditionalFormatting>
  <conditionalFormatting sqref="D135">
    <cfRule type="containsBlanks" dxfId="41" priority="21">
      <formula>LEN(TRIM(D135))=0</formula>
    </cfRule>
  </conditionalFormatting>
  <conditionalFormatting sqref="D139">
    <cfRule type="containsBlanks" dxfId="39" priority="20">
      <formula>LEN(TRIM(D139))=0</formula>
    </cfRule>
  </conditionalFormatting>
  <conditionalFormatting sqref="D144">
    <cfRule type="containsBlanks" dxfId="37" priority="19">
      <formula>LEN(TRIM(D144))=0</formula>
    </cfRule>
  </conditionalFormatting>
  <conditionalFormatting sqref="D148">
    <cfRule type="containsBlanks" dxfId="35" priority="18">
      <formula>LEN(TRIM(D148))=0</formula>
    </cfRule>
  </conditionalFormatting>
  <conditionalFormatting sqref="D152">
    <cfRule type="containsBlanks" dxfId="33" priority="17">
      <formula>LEN(TRIM(D152))=0</formula>
    </cfRule>
  </conditionalFormatting>
  <conditionalFormatting sqref="D165">
    <cfRule type="containsBlanks" dxfId="31" priority="16">
      <formula>LEN(TRIM(D165))=0</formula>
    </cfRule>
  </conditionalFormatting>
  <conditionalFormatting sqref="D176">
    <cfRule type="containsBlanks" dxfId="29" priority="15">
      <formula>LEN(TRIM(D176))=0</formula>
    </cfRule>
  </conditionalFormatting>
  <conditionalFormatting sqref="D190">
    <cfRule type="containsBlanks" dxfId="27" priority="14">
      <formula>LEN(TRIM(D190))=0</formula>
    </cfRule>
  </conditionalFormatting>
  <conditionalFormatting sqref="D114:D117">
    <cfRule type="containsBlanks" dxfId="25" priority="13">
      <formula>LEN(TRIM(D114))=0</formula>
    </cfRule>
  </conditionalFormatting>
  <conditionalFormatting sqref="D119:D122">
    <cfRule type="containsBlanks" dxfId="23" priority="12">
      <formula>LEN(TRIM(D119))=0</formula>
    </cfRule>
  </conditionalFormatting>
  <conditionalFormatting sqref="D124:D126">
    <cfRule type="containsBlanks" dxfId="21" priority="11">
      <formula>LEN(TRIM(D124))=0</formula>
    </cfRule>
  </conditionalFormatting>
  <conditionalFormatting sqref="D128:D130">
    <cfRule type="containsBlanks" dxfId="19" priority="10">
      <formula>LEN(TRIM(D128))=0</formula>
    </cfRule>
  </conditionalFormatting>
  <conditionalFormatting sqref="D132:D134">
    <cfRule type="containsBlanks" dxfId="17" priority="9">
      <formula>LEN(TRIM(D132))=0</formula>
    </cfRule>
  </conditionalFormatting>
  <conditionalFormatting sqref="D136:D138">
    <cfRule type="containsBlanks" dxfId="15" priority="8">
      <formula>LEN(TRIM(D136))=0</formula>
    </cfRule>
  </conditionalFormatting>
  <conditionalFormatting sqref="D140:D143">
    <cfRule type="containsBlanks" dxfId="13" priority="7">
      <formula>LEN(TRIM(D140))=0</formula>
    </cfRule>
  </conditionalFormatting>
  <conditionalFormatting sqref="D145:D147">
    <cfRule type="containsBlanks" dxfId="11" priority="6">
      <formula>LEN(TRIM(D145))=0</formula>
    </cfRule>
  </conditionalFormatting>
  <conditionalFormatting sqref="D149:D151">
    <cfRule type="containsBlanks" dxfId="9" priority="5">
      <formula>LEN(TRIM(D149))=0</formula>
    </cfRule>
  </conditionalFormatting>
  <conditionalFormatting sqref="D153:D164">
    <cfRule type="containsBlanks" dxfId="7" priority="4">
      <formula>LEN(TRIM(D153))=0</formula>
    </cfRule>
  </conditionalFormatting>
  <conditionalFormatting sqref="D166:D175">
    <cfRule type="containsBlanks" dxfId="5" priority="3">
      <formula>LEN(TRIM(D166))=0</formula>
    </cfRule>
  </conditionalFormatting>
  <conditionalFormatting sqref="D177:D189">
    <cfRule type="containsBlanks" dxfId="3" priority="2">
      <formula>LEN(TRIM(D177))=0</formula>
    </cfRule>
  </conditionalFormatting>
  <conditionalFormatting sqref="D191:D199">
    <cfRule type="containsBlanks" dxfId="1" priority="1">
      <formula>LEN(TRIM(D191))=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47" min="1" max="5" man="1"/>
    <brk id="86" min="1" max="5" man="1"/>
    <brk id="163" min="1" max="5" man="1"/>
    <brk id="236"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08-31T12:52:22Z</cp:lastPrinted>
  <dcterms:created xsi:type="dcterms:W3CDTF">2017-04-21T05:51:15Z</dcterms:created>
  <dcterms:modified xsi:type="dcterms:W3CDTF">2021-08-31T12:52:50Z</dcterms:modified>
</cp:coreProperties>
</file>